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2.xml" ContentType="application/vnd.openxmlformats-officedocument.presentationml.notesSlide+xml"/>
  <Override PartName="/ppt/ink/ink1.xml" ContentType="application/inkml+xml"/>
  <Override PartName="/ppt/ink/ink2.xml" ContentType="application/inkml+xml"/>
  <Override PartName="/ppt/notesSlides/notesSlide3.xml" ContentType="application/vnd.openxmlformats-officedocument.presentationml.notesSlide+xml"/>
  <Override PartName="/ppt/ink/ink3.xml" ContentType="application/inkml+xml"/>
  <Override PartName="/ppt/ink/ink4.xml" ContentType="application/inkml+xml"/>
  <Override PartName="/ppt/ink/ink5.xml" ContentType="application/inkml+xml"/>
  <Override PartName="/ppt/notesSlides/notesSlide4.xml" ContentType="application/vnd.openxmlformats-officedocument.presentationml.notesSlide+xml"/>
  <Override PartName="/ppt/ink/ink6.xml" ContentType="application/inkml+xml"/>
  <Override PartName="/ppt/ink/ink7.xml" ContentType="application/inkml+xml"/>
  <Override PartName="/ppt/ink/ink8.xml" ContentType="application/inkml+xml"/>
  <Override PartName="/ppt/ink/ink9.xml" ContentType="application/inkml+xml"/>
  <Override PartName="/ppt/notesSlides/notesSlide5.xml" ContentType="application/vnd.openxmlformats-officedocument.presentationml.notesSlide+xml"/>
  <Override PartName="/ppt/ink/ink10.xml" ContentType="application/inkml+xml"/>
  <Override PartName="/ppt/ink/ink11.xml" ContentType="application/inkml+xml"/>
  <Override PartName="/ppt/ink/ink12.xml" ContentType="application/inkml+xml"/>
  <Override PartName="/ppt/ink/ink13.xml" ContentType="application/inkml+xml"/>
  <Override PartName="/ppt/ink/ink14.xml" ContentType="application/inkml+xml"/>
  <Override PartName="/ppt/ink/ink15.xml" ContentType="application/inkml+xml"/>
  <Override PartName="/ppt/ink/ink16.xml" ContentType="application/inkml+xml"/>
  <Override PartName="/ppt/ink/ink17.xml" ContentType="application/inkml+xml"/>
  <Override PartName="/ppt/ink/ink18.xml" ContentType="application/inkml+xml"/>
  <Override PartName="/ppt/notesSlides/notesSlide6.xml" ContentType="application/vnd.openxmlformats-officedocument.presentationml.notesSlide+xml"/>
  <Override PartName="/ppt/ink/ink19.xml" ContentType="application/inkml+xml"/>
  <Override PartName="/ppt/ink/ink20.xml" ContentType="application/inkml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2"/>
  </p:sldMasterIdLst>
  <p:notesMasterIdLst>
    <p:notesMasterId r:id="rId24"/>
  </p:notesMasterIdLst>
  <p:handoutMasterIdLst>
    <p:handoutMasterId r:id="rId25"/>
  </p:handoutMasterIdLst>
  <p:sldIdLst>
    <p:sldId id="257" r:id="rId13"/>
    <p:sldId id="301" r:id="rId14"/>
    <p:sldId id="298" r:id="rId15"/>
    <p:sldId id="297" r:id="rId16"/>
    <p:sldId id="289" r:id="rId17"/>
    <p:sldId id="292" r:id="rId18"/>
    <p:sldId id="303" r:id="rId19"/>
    <p:sldId id="293" r:id="rId20"/>
    <p:sldId id="294" r:id="rId21"/>
    <p:sldId id="299" r:id="rId22"/>
    <p:sldId id="286" r:id="rId23"/>
  </p:sldIdLst>
  <p:sldSz cx="12190413" cy="6858000"/>
  <p:notesSz cx="6858000" cy="9144000"/>
  <p:custDataLst>
    <p:tags r:id="rId2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B4F1F649-F22A-5ABB-55C9-655443E952ED}" name="Andreas Franks Nielsen" initials="AFN" userId="Andreas Franks Nielsen" providerId="None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0000"/>
    <a:srgbClr val="990000"/>
    <a:srgbClr val="000000"/>
    <a:srgbClr val="EFE7E7"/>
    <a:srgbClr val="FFFFFF"/>
    <a:srgbClr val="FFCC00"/>
    <a:srgbClr val="FF6600"/>
    <a:srgbClr val="FF0099"/>
    <a:srgbClr val="CC3399"/>
    <a:srgbClr val="66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087F299-9BBB-45D0-B472-E097B778B875}" v="259" dt="2022-12-17T16:55:59.571"/>
    <p1510:client id="{2EE1CC95-AC62-31AE-6006-5C269D2C5721}" v="301" dt="2022-12-17T21:17:08.056"/>
    <p1510:client id="{341385DA-2F4A-45E5-B6E0-F8C96F17596B}" v="268" dt="2022-12-18T13:36:51.803"/>
    <p1510:client id="{433C98C4-F430-0675-B7F9-5848A6CC1463}" v="2026" dt="2022-12-17T21:05:10.090"/>
    <p1510:client id="{62997C9C-495E-4E2C-9553-43074B397A76}" v="4030" vWet="4032" dt="2022-12-17T21:17:06.552"/>
    <p1510:client id="{9CC156FE-361E-4FB8-9CBF-41E98B392E0A}" v="84" dt="2022-12-17T17:10:45.331"/>
    <p1510:client id="{B2C4F8BB-26BF-4895-8C0B-634E2E69DEE1}" v="49" dt="2022-12-17T21:19:39.867"/>
    <p1510:client id="{B5FA58B3-3C2A-497F-8699-6F51C9331327}" v="8" dt="2022-12-17T17:37:39.267"/>
    <p1510:client id="{F769E75E-ED94-4850-9160-DFF4F890349F}" v="49" dt="2022-12-18T08:38:17.410"/>
    <p1510:client id="{FC18DC7A-BBBC-4ED3-BF38-96C7A0509452}" v="2" dt="2022-12-18T16:54:37.487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81" d="100"/>
          <a:sy n="81" d="100"/>
        </p:scale>
        <p:origin x="725" y="53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slide" Target="slides/slide9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handoutMaster" Target="handoutMasters/handoutMaster1.xml"/><Relationship Id="rId33" Type="http://schemas.microsoft.com/office/2018/10/relationships/authors" Target="authors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slide" Target="slides/slide8.xml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notesMaster" Target="notesMasters/notesMaster1.xml"/><Relationship Id="rId32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slide" Target="slides/slide11.xml"/><Relationship Id="rId28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7.xml"/><Relationship Id="rId31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slide" Target="slides/slide10.xml"/><Relationship Id="rId27" Type="http://schemas.openxmlformats.org/officeDocument/2006/relationships/presProps" Target="presProps.xml"/><Relationship Id="rId30" Type="http://schemas.openxmlformats.org/officeDocument/2006/relationships/tableStyles" Target="tableStyles.xml"/><Relationship Id="rId8" Type="http://schemas.openxmlformats.org/officeDocument/2006/relationships/customXml" Target="../customXml/item8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Emelie Westall Lundqvist" userId="S::s221956@dtu.dk::3a6c0c6b-4056-4919-93f8-4a249b28df98" providerId="AD" clId="Web-{B2C4F8BB-26BF-4895-8C0B-634E2E69DEE1}"/>
    <pc:docChg chg="modSld">
      <pc:chgData name="Emelie Westall Lundqvist" userId="S::s221956@dtu.dk::3a6c0c6b-4056-4919-93f8-4a249b28df98" providerId="AD" clId="Web-{B2C4F8BB-26BF-4895-8C0B-634E2E69DEE1}" dt="2022-12-17T21:19:37.039" v="21" actId="20577"/>
      <pc:docMkLst>
        <pc:docMk/>
      </pc:docMkLst>
      <pc:sldChg chg="modSp">
        <pc:chgData name="Emelie Westall Lundqvist" userId="S::s221956@dtu.dk::3a6c0c6b-4056-4919-93f8-4a249b28df98" providerId="AD" clId="Web-{B2C4F8BB-26BF-4895-8C0B-634E2E69DEE1}" dt="2022-12-17T21:19:37.039" v="21" actId="20577"/>
        <pc:sldMkLst>
          <pc:docMk/>
          <pc:sldMk cId="147410912" sldId="299"/>
        </pc:sldMkLst>
        <pc:spChg chg="mod">
          <ac:chgData name="Emelie Westall Lundqvist" userId="S::s221956@dtu.dk::3a6c0c6b-4056-4919-93f8-4a249b28df98" providerId="AD" clId="Web-{B2C4F8BB-26BF-4895-8C0B-634E2E69DEE1}" dt="2022-12-17T21:19:37.039" v="21" actId="20577"/>
          <ac:spMkLst>
            <pc:docMk/>
            <pc:sldMk cId="147410912" sldId="299"/>
            <ac:spMk id="2" creationId="{BE5E7107-05AC-4FC1-2B80-7AFF3A52AAAD}"/>
          </ac:spMkLst>
        </pc:spChg>
      </pc:sldChg>
      <pc:sldChg chg="modSp">
        <pc:chgData name="Emelie Westall Lundqvist" userId="S::s221956@dtu.dk::3a6c0c6b-4056-4919-93f8-4a249b28df98" providerId="AD" clId="Web-{B2C4F8BB-26BF-4895-8C0B-634E2E69DEE1}" dt="2022-12-17T21:19:20.320" v="15" actId="20577"/>
        <pc:sldMkLst>
          <pc:docMk/>
          <pc:sldMk cId="3979833554" sldId="303"/>
        </pc:sldMkLst>
        <pc:spChg chg="mod">
          <ac:chgData name="Emelie Westall Lundqvist" userId="S::s221956@dtu.dk::3a6c0c6b-4056-4919-93f8-4a249b28df98" providerId="AD" clId="Web-{B2C4F8BB-26BF-4895-8C0B-634E2E69DEE1}" dt="2022-12-17T21:19:20.320" v="15" actId="20577"/>
          <ac:spMkLst>
            <pc:docMk/>
            <pc:sldMk cId="3979833554" sldId="303"/>
            <ac:spMk id="3" creationId="{FA3B3913-113B-2D76-0B58-5B12C8D69022}"/>
          </ac:spMkLst>
        </pc:spChg>
      </pc:sldChg>
    </pc:docChg>
  </pc:docChgLst>
  <pc:docChgLst>
    <pc:chgData name="Emelie Westall Lundqvist" userId="S::s221956@dtu.dk::3a6c0c6b-4056-4919-93f8-4a249b28df98" providerId="AD" clId="Web-{01369552-69C6-4E83-9D84-5D1D5A258B59}"/>
    <pc:docChg chg="addSld delSld modSld">
      <pc:chgData name="Emelie Westall Lundqvist" userId="S::s221956@dtu.dk::3a6c0c6b-4056-4919-93f8-4a249b28df98" providerId="AD" clId="Web-{01369552-69C6-4E83-9D84-5D1D5A258B59}" dt="2022-12-16T12:25:31.837" v="1734"/>
      <pc:docMkLst>
        <pc:docMk/>
      </pc:docMkLst>
      <pc:sldChg chg="addSp delSp modSp">
        <pc:chgData name="Emelie Westall Lundqvist" userId="S::s221956@dtu.dk::3a6c0c6b-4056-4919-93f8-4a249b28df98" providerId="AD" clId="Web-{01369552-69C6-4E83-9D84-5D1D5A258B59}" dt="2022-12-16T12:15:33.327" v="1725" actId="14100"/>
        <pc:sldMkLst>
          <pc:docMk/>
          <pc:sldMk cId="1797996451" sldId="289"/>
        </pc:sldMkLst>
        <pc:spChg chg="del mod">
          <ac:chgData name="Emelie Westall Lundqvist" userId="S::s221956@dtu.dk::3a6c0c6b-4056-4919-93f8-4a249b28df98" providerId="AD" clId="Web-{01369552-69C6-4E83-9D84-5D1D5A258B59}" dt="2022-12-16T10:44:02.214" v="154"/>
          <ac:spMkLst>
            <pc:docMk/>
            <pc:sldMk cId="1797996451" sldId="289"/>
            <ac:spMk id="2" creationId="{581037F8-FDAA-CF34-CCE7-CC7A353AFB53}"/>
          </ac:spMkLst>
        </pc:spChg>
        <pc:spChg chg="add mod">
          <ac:chgData name="Emelie Westall Lundqvist" userId="S::s221956@dtu.dk::3a6c0c6b-4056-4919-93f8-4a249b28df98" providerId="AD" clId="Web-{01369552-69C6-4E83-9D84-5D1D5A258B59}" dt="2022-12-16T11:00:33.360" v="573" actId="20577"/>
          <ac:spMkLst>
            <pc:docMk/>
            <pc:sldMk cId="1797996451" sldId="289"/>
            <ac:spMk id="3" creationId="{FA3B3913-113B-2D76-0B58-5B12C8D69022}"/>
          </ac:spMkLst>
        </pc:spChg>
        <pc:spChg chg="add mod">
          <ac:chgData name="Emelie Westall Lundqvist" userId="S::s221956@dtu.dk::3a6c0c6b-4056-4919-93f8-4a249b28df98" providerId="AD" clId="Web-{01369552-69C6-4E83-9D84-5D1D5A258B59}" dt="2022-12-16T11:04:23.529" v="581" actId="20577"/>
          <ac:spMkLst>
            <pc:docMk/>
            <pc:sldMk cId="1797996451" sldId="289"/>
            <ac:spMk id="6" creationId="{8CC2B5EF-5FF7-19AF-E97D-3CF1633FE8E6}"/>
          </ac:spMkLst>
        </pc:spChg>
        <pc:spChg chg="mod">
          <ac:chgData name="Emelie Westall Lundqvist" userId="S::s221956@dtu.dk::3a6c0c6b-4056-4919-93f8-4a249b28df98" providerId="AD" clId="Web-{01369552-69C6-4E83-9D84-5D1D5A258B59}" dt="2022-12-16T12:15:33.327" v="1725" actId="14100"/>
          <ac:spMkLst>
            <pc:docMk/>
            <pc:sldMk cId="1797996451" sldId="289"/>
            <ac:spMk id="7" creationId="{0236EE1E-3E88-8E11-F892-74376DB8C175}"/>
          </ac:spMkLst>
        </pc:spChg>
        <pc:spChg chg="add del mod">
          <ac:chgData name="Emelie Westall Lundqvist" userId="S::s221956@dtu.dk::3a6c0c6b-4056-4919-93f8-4a249b28df98" providerId="AD" clId="Web-{01369552-69C6-4E83-9D84-5D1D5A258B59}" dt="2022-12-16T10:42:51.450" v="101"/>
          <ac:spMkLst>
            <pc:docMk/>
            <pc:sldMk cId="1797996451" sldId="289"/>
            <ac:spMk id="8" creationId="{E93E6C07-5EE6-E9B2-205E-7F8EE7466E8B}"/>
          </ac:spMkLst>
        </pc:spChg>
        <pc:spChg chg="add mod ord">
          <ac:chgData name="Emelie Westall Lundqvist" userId="S::s221956@dtu.dk::3a6c0c6b-4056-4919-93f8-4a249b28df98" providerId="AD" clId="Web-{01369552-69C6-4E83-9D84-5D1D5A258B59}" dt="2022-12-16T12:13:13.641" v="1693" actId="14100"/>
          <ac:spMkLst>
            <pc:docMk/>
            <pc:sldMk cId="1797996451" sldId="289"/>
            <ac:spMk id="9" creationId="{4F3445EE-C138-B67A-CE17-CDB41340588F}"/>
          </ac:spMkLst>
        </pc:spChg>
        <pc:spChg chg="add mod">
          <ac:chgData name="Emelie Westall Lundqvist" userId="S::s221956@dtu.dk::3a6c0c6b-4056-4919-93f8-4a249b28df98" providerId="AD" clId="Web-{01369552-69C6-4E83-9D84-5D1D5A258B59}" dt="2022-12-16T11:08:13.980" v="635" actId="1076"/>
          <ac:spMkLst>
            <pc:docMk/>
            <pc:sldMk cId="1797996451" sldId="289"/>
            <ac:spMk id="12" creationId="{B30B2DBD-605D-9C53-B283-4B3B8F1AA8F7}"/>
          </ac:spMkLst>
        </pc:spChg>
        <pc:graphicFrameChg chg="mod modGraphic">
          <ac:chgData name="Emelie Westall Lundqvist" userId="S::s221956@dtu.dk::3a6c0c6b-4056-4919-93f8-4a249b28df98" providerId="AD" clId="Web-{01369552-69C6-4E83-9D84-5D1D5A258B59}" dt="2022-12-16T10:45:31.885" v="172" actId="1076"/>
          <ac:graphicFrameMkLst>
            <pc:docMk/>
            <pc:sldMk cId="1797996451" sldId="289"/>
            <ac:graphicFrameMk id="11" creationId="{8AE5936C-2F83-F7AA-DDD1-13C0D37DC6BF}"/>
          </ac:graphicFrameMkLst>
        </pc:graphicFrameChg>
        <pc:graphicFrameChg chg="add del mod modGraphic">
          <ac:chgData name="Emelie Westall Lundqvist" userId="S::s221956@dtu.dk::3a6c0c6b-4056-4919-93f8-4a249b28df98" providerId="AD" clId="Web-{01369552-69C6-4E83-9D84-5D1D5A258B59}" dt="2022-12-16T10:51:54.584" v="302"/>
          <ac:graphicFrameMkLst>
            <pc:docMk/>
            <pc:sldMk cId="1797996451" sldId="289"/>
            <ac:graphicFrameMk id="13" creationId="{3E333456-67B2-991B-FD19-D7CB8F294FAC}"/>
          </ac:graphicFrameMkLst>
        </pc:graphicFrameChg>
        <pc:picChg chg="add mod">
          <ac:chgData name="Emelie Westall Lundqvist" userId="S::s221956@dtu.dk::3a6c0c6b-4056-4919-93f8-4a249b28df98" providerId="AD" clId="Web-{01369552-69C6-4E83-9D84-5D1D5A258B59}" dt="2022-12-16T10:52:09.615" v="313" actId="1076"/>
          <ac:picMkLst>
            <pc:docMk/>
            <pc:sldMk cId="1797996451" sldId="289"/>
            <ac:picMk id="5" creationId="{447D1764-CA9E-8629-9BAB-21F76F9C8889}"/>
          </ac:picMkLst>
        </pc:picChg>
        <pc:picChg chg="add del mod">
          <ac:chgData name="Emelie Westall Lundqvist" userId="S::s221956@dtu.dk::3a6c0c6b-4056-4919-93f8-4a249b28df98" providerId="AD" clId="Web-{01369552-69C6-4E83-9D84-5D1D5A258B59}" dt="2022-12-16T10:45:22.198" v="159"/>
          <ac:picMkLst>
            <pc:docMk/>
            <pc:sldMk cId="1797996451" sldId="289"/>
            <ac:picMk id="9" creationId="{31EFA1FF-08BA-99BB-FC65-9859C7093EEB}"/>
          </ac:picMkLst>
        </pc:picChg>
        <pc:picChg chg="add del mod">
          <ac:chgData name="Emelie Westall Lundqvist" userId="S::s221956@dtu.dk::3a6c0c6b-4056-4919-93f8-4a249b28df98" providerId="AD" clId="Web-{01369552-69C6-4E83-9D84-5D1D5A258B59}" dt="2022-12-16T10:55:05.832" v="368" actId="1076"/>
          <ac:picMkLst>
            <pc:docMk/>
            <pc:sldMk cId="1797996451" sldId="289"/>
            <ac:picMk id="10" creationId="{7AA63D76-AE5D-3B83-AFFC-B428EF1BA53E}"/>
          </ac:picMkLst>
        </pc:picChg>
        <pc:inkChg chg="add">
          <ac:chgData name="Emelie Westall Lundqvist" userId="S::s221956@dtu.dk::3a6c0c6b-4056-4919-93f8-4a249b28df98" providerId="AD" clId="Web-{01369552-69C6-4E83-9D84-5D1D5A258B59}" dt="2022-12-16T10:47:47.118" v="241"/>
          <ac:inkMkLst>
            <pc:docMk/>
            <pc:sldMk cId="1797996451" sldId="289"/>
            <ac:inkMk id="2" creationId="{27C00042-08E8-CCC7-B61F-6371719877FB}"/>
          </ac:inkMkLst>
        </pc:inkChg>
        <pc:inkChg chg="add del">
          <ac:chgData name="Emelie Westall Lundqvist" userId="S::s221956@dtu.dk::3a6c0c6b-4056-4919-93f8-4a249b28df98" providerId="AD" clId="Web-{01369552-69C6-4E83-9D84-5D1D5A258B59}" dt="2022-12-16T10:47:32.071" v="239"/>
          <ac:inkMkLst>
            <pc:docMk/>
            <pc:sldMk cId="1797996451" sldId="289"/>
            <ac:inkMk id="14" creationId="{C102CB4F-3B23-C3BF-7C81-04E0D8A642F1}"/>
          </ac:inkMkLst>
        </pc:inkChg>
        <pc:inkChg chg="add">
          <ac:chgData name="Emelie Westall Lundqvist" userId="S::s221956@dtu.dk::3a6c0c6b-4056-4919-93f8-4a249b28df98" providerId="AD" clId="Web-{01369552-69C6-4E83-9D84-5D1D5A258B59}" dt="2022-12-16T10:47:45.149" v="240"/>
          <ac:inkMkLst>
            <pc:docMk/>
            <pc:sldMk cId="1797996451" sldId="289"/>
            <ac:inkMk id="15" creationId="{0EA3CF76-C092-8905-62FA-468100DD4FB9}"/>
          </ac:inkMkLst>
        </pc:inkChg>
      </pc:sldChg>
      <pc:sldChg chg="new del">
        <pc:chgData name="Emelie Westall Lundqvist" userId="S::s221956@dtu.dk::3a6c0c6b-4056-4919-93f8-4a249b28df98" providerId="AD" clId="Web-{01369552-69C6-4E83-9D84-5D1D5A258B59}" dt="2022-12-16T11:12:33.634" v="637"/>
        <pc:sldMkLst>
          <pc:docMk/>
          <pc:sldMk cId="3251805809" sldId="290"/>
        </pc:sldMkLst>
      </pc:sldChg>
      <pc:sldChg chg="addSp modSp new mod chgLayout">
        <pc:chgData name="Emelie Westall Lundqvist" userId="S::s221956@dtu.dk::3a6c0c6b-4056-4919-93f8-4a249b28df98" providerId="AD" clId="Web-{01369552-69C6-4E83-9D84-5D1D5A258B59}" dt="2022-12-16T12:15:52.186" v="1728"/>
        <pc:sldMkLst>
          <pc:docMk/>
          <pc:sldMk cId="1709986772" sldId="291"/>
        </pc:sldMkLst>
        <pc:spChg chg="mod ord">
          <ac:chgData name="Emelie Westall Lundqvist" userId="S::s221956@dtu.dk::3a6c0c6b-4056-4919-93f8-4a249b28df98" providerId="AD" clId="Web-{01369552-69C6-4E83-9D84-5D1D5A258B59}" dt="2022-12-16T10:56:20.878" v="378" actId="20577"/>
          <ac:spMkLst>
            <pc:docMk/>
            <pc:sldMk cId="1709986772" sldId="291"/>
            <ac:spMk id="2" creationId="{96A946B8-89D0-6D9E-B889-E54BBF23DF16}"/>
          </ac:spMkLst>
        </pc:spChg>
        <pc:spChg chg="mod ord">
          <ac:chgData name="Emelie Westall Lundqvist" userId="S::s221956@dtu.dk::3a6c0c6b-4056-4919-93f8-4a249b28df98" providerId="AD" clId="Web-{01369552-69C6-4E83-9D84-5D1D5A258B59}" dt="2022-12-16T10:58:09.487" v="553" actId="20577"/>
          <ac:spMkLst>
            <pc:docMk/>
            <pc:sldMk cId="1709986772" sldId="291"/>
            <ac:spMk id="3" creationId="{89E26569-BA16-7E1E-ACF2-21DBA23C3713}"/>
          </ac:spMkLst>
        </pc:spChg>
        <pc:spChg chg="mod ord">
          <ac:chgData name="Emelie Westall Lundqvist" userId="S::s221956@dtu.dk::3a6c0c6b-4056-4919-93f8-4a249b28df98" providerId="AD" clId="Web-{01369552-69C6-4E83-9D84-5D1D5A258B59}" dt="2022-12-16T10:52:37.990" v="316"/>
          <ac:spMkLst>
            <pc:docMk/>
            <pc:sldMk cId="1709986772" sldId="291"/>
            <ac:spMk id="4" creationId="{622AA495-CAC4-8173-E96C-3014578708ED}"/>
          </ac:spMkLst>
        </pc:spChg>
        <pc:spChg chg="mod">
          <ac:chgData name="Emelie Westall Lundqvist" userId="S::s221956@dtu.dk::3a6c0c6b-4056-4919-93f8-4a249b28df98" providerId="AD" clId="Web-{01369552-69C6-4E83-9D84-5D1D5A258B59}" dt="2022-12-16T12:15:40.030" v="1726" actId="14100"/>
          <ac:spMkLst>
            <pc:docMk/>
            <pc:sldMk cId="1709986772" sldId="291"/>
            <ac:spMk id="9" creationId="{6D7B45B7-3FFF-6874-0FED-88BB7D81D986}"/>
          </ac:spMkLst>
        </pc:spChg>
        <pc:spChg chg="add ord">
          <ac:chgData name="Emelie Westall Lundqvist" userId="S::s221956@dtu.dk::3a6c0c6b-4056-4919-93f8-4a249b28df98" providerId="AD" clId="Web-{01369552-69C6-4E83-9D84-5D1D5A258B59}" dt="2022-12-16T12:15:52.186" v="1728"/>
          <ac:spMkLst>
            <pc:docMk/>
            <pc:sldMk cId="1709986772" sldId="291"/>
            <ac:spMk id="11" creationId="{118B8677-A3E2-401F-4261-EE74FC2D22E9}"/>
          </ac:spMkLst>
        </pc:spChg>
        <pc:picChg chg="add mod">
          <ac:chgData name="Emelie Westall Lundqvist" userId="S::s221956@dtu.dk::3a6c0c6b-4056-4919-93f8-4a249b28df98" providerId="AD" clId="Web-{01369552-69C6-4E83-9D84-5D1D5A258B59}" dt="2022-12-16T11:02:57.249" v="577" actId="1076"/>
          <ac:picMkLst>
            <pc:docMk/>
            <pc:sldMk cId="1709986772" sldId="291"/>
            <ac:picMk id="5" creationId="{CD2C2D34-3B9C-31F7-3ADD-47F79F1D5C60}"/>
          </ac:picMkLst>
        </pc:picChg>
      </pc:sldChg>
      <pc:sldChg chg="addSp delSp modSp add replId">
        <pc:chgData name="Emelie Westall Lundqvist" userId="S::s221956@dtu.dk::3a6c0c6b-4056-4919-93f8-4a249b28df98" providerId="AD" clId="Web-{01369552-69C6-4E83-9D84-5D1D5A258B59}" dt="2022-12-16T12:15:23.687" v="1724" actId="14100"/>
        <pc:sldMkLst>
          <pc:docMk/>
          <pc:sldMk cId="3632708366" sldId="292"/>
        </pc:sldMkLst>
        <pc:spChg chg="mod">
          <ac:chgData name="Emelie Westall Lundqvist" userId="S::s221956@dtu.dk::3a6c0c6b-4056-4919-93f8-4a249b28df98" providerId="AD" clId="Web-{01369552-69C6-4E83-9D84-5D1D5A258B59}" dt="2022-12-16T11:39:58.975" v="1264" actId="14100"/>
          <ac:spMkLst>
            <pc:docMk/>
            <pc:sldMk cId="3632708366" sldId="292"/>
            <ac:spMk id="3" creationId="{FA3B3913-113B-2D76-0B58-5B12C8D69022}"/>
          </ac:spMkLst>
        </pc:spChg>
        <pc:spChg chg="del">
          <ac:chgData name="Emelie Westall Lundqvist" userId="S::s221956@dtu.dk::3a6c0c6b-4056-4919-93f8-4a249b28df98" providerId="AD" clId="Web-{01369552-69C6-4E83-9D84-5D1D5A258B59}" dt="2022-12-16T11:18:02.927" v="675"/>
          <ac:spMkLst>
            <pc:docMk/>
            <pc:sldMk cId="3632708366" sldId="292"/>
            <ac:spMk id="6" creationId="{8CC2B5EF-5FF7-19AF-E97D-3CF1633FE8E6}"/>
          </ac:spMkLst>
        </pc:spChg>
        <pc:spChg chg="add del mod">
          <ac:chgData name="Emelie Westall Lundqvist" userId="S::s221956@dtu.dk::3a6c0c6b-4056-4919-93f8-4a249b28df98" providerId="AD" clId="Web-{01369552-69C6-4E83-9D84-5D1D5A258B59}" dt="2022-12-16T12:15:23.687" v="1724" actId="14100"/>
          <ac:spMkLst>
            <pc:docMk/>
            <pc:sldMk cId="3632708366" sldId="292"/>
            <ac:spMk id="7" creationId="{0236EE1E-3E88-8E11-F892-74376DB8C175}"/>
          </ac:spMkLst>
        </pc:spChg>
        <pc:spChg chg="add del">
          <ac:chgData name="Emelie Westall Lundqvist" userId="S::s221956@dtu.dk::3a6c0c6b-4056-4919-93f8-4a249b28df98" providerId="AD" clId="Web-{01369552-69C6-4E83-9D84-5D1D5A258B59}" dt="2022-12-16T12:14:25.984" v="1704"/>
          <ac:spMkLst>
            <pc:docMk/>
            <pc:sldMk cId="3632708366" sldId="292"/>
            <ac:spMk id="9" creationId="{4F3445EE-C138-B67A-CE17-CDB41340588F}"/>
          </ac:spMkLst>
        </pc:spChg>
        <pc:spChg chg="del mod">
          <ac:chgData name="Emelie Westall Lundqvist" userId="S::s221956@dtu.dk::3a6c0c6b-4056-4919-93f8-4a249b28df98" providerId="AD" clId="Web-{01369552-69C6-4E83-9D84-5D1D5A258B59}" dt="2022-12-16T11:14:50.445" v="662"/>
          <ac:spMkLst>
            <pc:docMk/>
            <pc:sldMk cId="3632708366" sldId="292"/>
            <ac:spMk id="12" creationId="{B30B2DBD-605D-9C53-B283-4B3B8F1AA8F7}"/>
          </ac:spMkLst>
        </pc:spChg>
        <pc:spChg chg="add del mod">
          <ac:chgData name="Emelie Westall Lundqvist" userId="S::s221956@dtu.dk::3a6c0c6b-4056-4919-93f8-4a249b28df98" providerId="AD" clId="Web-{01369552-69C6-4E83-9D84-5D1D5A258B59}" dt="2022-12-16T11:14:32.460" v="657"/>
          <ac:spMkLst>
            <pc:docMk/>
            <pc:sldMk cId="3632708366" sldId="292"/>
            <ac:spMk id="14" creationId="{61EBF5EC-0FED-EF1A-5682-0F4F52109982}"/>
          </ac:spMkLst>
        </pc:spChg>
        <pc:spChg chg="add del mod">
          <ac:chgData name="Emelie Westall Lundqvist" userId="S::s221956@dtu.dk::3a6c0c6b-4056-4919-93f8-4a249b28df98" providerId="AD" clId="Web-{01369552-69C6-4E83-9D84-5D1D5A258B59}" dt="2022-12-16T11:20:14.785" v="764"/>
          <ac:spMkLst>
            <pc:docMk/>
            <pc:sldMk cId="3632708366" sldId="292"/>
            <ac:spMk id="19" creationId="{B055EDDC-6127-8542-6FFA-14305C540956}"/>
          </ac:spMkLst>
        </pc:spChg>
        <pc:spChg chg="add del mod">
          <ac:chgData name="Emelie Westall Lundqvist" userId="S::s221956@dtu.dk::3a6c0c6b-4056-4919-93f8-4a249b28df98" providerId="AD" clId="Web-{01369552-69C6-4E83-9D84-5D1D5A258B59}" dt="2022-12-16T11:22:57.080" v="833"/>
          <ac:spMkLst>
            <pc:docMk/>
            <pc:sldMk cId="3632708366" sldId="292"/>
            <ac:spMk id="22" creationId="{91A4644E-33C3-AFE0-C8A1-3577BCA62B12}"/>
          </ac:spMkLst>
        </pc:spChg>
        <pc:spChg chg="add mod">
          <ac:chgData name="Emelie Westall Lundqvist" userId="S::s221956@dtu.dk::3a6c0c6b-4056-4919-93f8-4a249b28df98" providerId="AD" clId="Web-{01369552-69C6-4E83-9D84-5D1D5A258B59}" dt="2022-12-16T11:39:35.460" v="1250" actId="1076"/>
          <ac:spMkLst>
            <pc:docMk/>
            <pc:sldMk cId="3632708366" sldId="292"/>
            <ac:spMk id="23" creationId="{52298CFF-5FD3-1940-8F2C-E913E5A681A8}"/>
          </ac:spMkLst>
        </pc:spChg>
        <pc:spChg chg="add del mod">
          <ac:chgData name="Emelie Westall Lundqvist" userId="S::s221956@dtu.dk::3a6c0c6b-4056-4919-93f8-4a249b28df98" providerId="AD" clId="Web-{01369552-69C6-4E83-9D84-5D1D5A258B59}" dt="2022-12-16T11:38:50.788" v="1238"/>
          <ac:spMkLst>
            <pc:docMk/>
            <pc:sldMk cId="3632708366" sldId="292"/>
            <ac:spMk id="32" creationId="{6C406228-E502-7D1C-20CA-A97ECCEAC9C0}"/>
          </ac:spMkLst>
        </pc:spChg>
        <pc:spChg chg="add mod">
          <ac:chgData name="Emelie Westall Lundqvist" userId="S::s221956@dtu.dk::3a6c0c6b-4056-4919-93f8-4a249b28df98" providerId="AD" clId="Web-{01369552-69C6-4E83-9D84-5D1D5A258B59}" dt="2022-12-16T11:46:47.971" v="1268" actId="1076"/>
          <ac:spMkLst>
            <pc:docMk/>
            <pc:sldMk cId="3632708366" sldId="292"/>
            <ac:spMk id="33" creationId="{F0363F09-764F-82FE-1EC6-DF9370414911}"/>
          </ac:spMkLst>
        </pc:spChg>
        <pc:spChg chg="add del mod ord">
          <ac:chgData name="Emelie Westall Lundqvist" userId="S::s221956@dtu.dk::3a6c0c6b-4056-4919-93f8-4a249b28df98" providerId="AD" clId="Web-{01369552-69C6-4E83-9D84-5D1D5A258B59}" dt="2022-12-16T12:14:30.719" v="1706" actId="14100"/>
          <ac:spMkLst>
            <pc:docMk/>
            <pc:sldMk cId="3632708366" sldId="292"/>
            <ac:spMk id="35" creationId="{5F4D7022-9FF7-C231-EF2B-927DFED11EA4}"/>
          </ac:spMkLst>
        </pc:spChg>
        <pc:spChg chg="add del">
          <ac:chgData name="Emelie Westall Lundqvist" userId="S::s221956@dtu.dk::3a6c0c6b-4056-4919-93f8-4a249b28df98" providerId="AD" clId="Web-{01369552-69C6-4E83-9D84-5D1D5A258B59}" dt="2022-12-16T12:14:03.656" v="1698"/>
          <ac:spMkLst>
            <pc:docMk/>
            <pc:sldMk cId="3632708366" sldId="292"/>
            <ac:spMk id="37" creationId="{4D97BF7E-20E9-8C9A-8C55-5F9C37EEC043}"/>
          </ac:spMkLst>
        </pc:spChg>
        <pc:spChg chg="add del ord">
          <ac:chgData name="Emelie Westall Lundqvist" userId="S::s221956@dtu.dk::3a6c0c6b-4056-4919-93f8-4a249b28df98" providerId="AD" clId="Web-{01369552-69C6-4E83-9D84-5D1D5A258B59}" dt="2022-12-16T12:14:32.015" v="1707"/>
          <ac:spMkLst>
            <pc:docMk/>
            <pc:sldMk cId="3632708366" sldId="292"/>
            <ac:spMk id="39" creationId="{4B73E473-09E1-A4F9-820E-68374E426E17}"/>
          </ac:spMkLst>
        </pc:spChg>
        <pc:graphicFrameChg chg="del">
          <ac:chgData name="Emelie Westall Lundqvist" userId="S::s221956@dtu.dk::3a6c0c6b-4056-4919-93f8-4a249b28df98" providerId="AD" clId="Web-{01369552-69C6-4E83-9D84-5D1D5A258B59}" dt="2022-12-16T11:20:19.785" v="766"/>
          <ac:graphicFrameMkLst>
            <pc:docMk/>
            <pc:sldMk cId="3632708366" sldId="292"/>
            <ac:graphicFrameMk id="11" creationId="{8AE5936C-2F83-F7AA-DDD1-13C0D37DC6BF}"/>
          </ac:graphicFrameMkLst>
        </pc:graphicFrameChg>
        <pc:picChg chg="del">
          <ac:chgData name="Emelie Westall Lundqvist" userId="S::s221956@dtu.dk::3a6c0c6b-4056-4919-93f8-4a249b28df98" providerId="AD" clId="Web-{01369552-69C6-4E83-9D84-5D1D5A258B59}" dt="2022-12-16T11:18:03.958" v="676"/>
          <ac:picMkLst>
            <pc:docMk/>
            <pc:sldMk cId="3632708366" sldId="292"/>
            <ac:picMk id="5" creationId="{447D1764-CA9E-8629-9BAB-21F76F9C8889}"/>
          </ac:picMkLst>
        </pc:picChg>
        <pc:picChg chg="del">
          <ac:chgData name="Emelie Westall Lundqvist" userId="S::s221956@dtu.dk::3a6c0c6b-4056-4919-93f8-4a249b28df98" providerId="AD" clId="Web-{01369552-69C6-4E83-9D84-5D1D5A258B59}" dt="2022-12-16T11:14:26.648" v="655"/>
          <ac:picMkLst>
            <pc:docMk/>
            <pc:sldMk cId="3632708366" sldId="292"/>
            <ac:picMk id="10" creationId="{7AA63D76-AE5D-3B83-AFFC-B428EF1BA53E}"/>
          </ac:picMkLst>
        </pc:picChg>
        <pc:picChg chg="mod">
          <ac:chgData name="Emelie Westall Lundqvist" userId="S::s221956@dtu.dk::3a6c0c6b-4056-4919-93f8-4a249b28df98" providerId="AD" clId="Web-{01369552-69C6-4E83-9D84-5D1D5A258B59}" dt="2022-12-16T11:46:47.955" v="1267" actId="1076"/>
          <ac:picMkLst>
            <pc:docMk/>
            <pc:sldMk cId="3632708366" sldId="292"/>
            <ac:picMk id="14" creationId="{CE756EE7-8EA7-502A-C95E-096535F9B190}"/>
          </ac:picMkLst>
        </pc:picChg>
        <pc:picChg chg="add mod modCrop">
          <ac:chgData name="Emelie Westall Lundqvist" userId="S::s221956@dtu.dk::3a6c0c6b-4056-4919-93f8-4a249b28df98" providerId="AD" clId="Web-{01369552-69C6-4E83-9D84-5D1D5A258B59}" dt="2022-12-16T11:28:53.610" v="912" actId="1076"/>
          <ac:picMkLst>
            <pc:docMk/>
            <pc:sldMk cId="3632708366" sldId="292"/>
            <ac:picMk id="16" creationId="{03DFFDA8-7112-4655-2680-7A3C5EAB5A4B}"/>
          </ac:picMkLst>
        </pc:picChg>
        <pc:picChg chg="add mod modCrop">
          <ac:chgData name="Emelie Westall Lundqvist" userId="S::s221956@dtu.dk::3a6c0c6b-4056-4919-93f8-4a249b28df98" providerId="AD" clId="Web-{01369552-69C6-4E83-9D84-5D1D5A258B59}" dt="2022-12-16T11:46:47.940" v="1266" actId="1076"/>
          <ac:picMkLst>
            <pc:docMk/>
            <pc:sldMk cId="3632708366" sldId="292"/>
            <ac:picMk id="20" creationId="{DBF66DBE-B975-9BF1-11E6-E4DCDE40EAD8}"/>
          </ac:picMkLst>
        </pc:picChg>
        <pc:picChg chg="add mod">
          <ac:chgData name="Emelie Westall Lundqvist" userId="S::s221956@dtu.dk::3a6c0c6b-4056-4919-93f8-4a249b28df98" providerId="AD" clId="Web-{01369552-69C6-4E83-9D84-5D1D5A258B59}" dt="2022-12-16T11:46:47.971" v="1269" actId="1076"/>
          <ac:picMkLst>
            <pc:docMk/>
            <pc:sldMk cId="3632708366" sldId="292"/>
            <ac:picMk id="21" creationId="{97586108-D1C1-CCB2-6C60-6B5D08133FD3}"/>
          </ac:picMkLst>
        </pc:picChg>
        <pc:picChg chg="add mod">
          <ac:chgData name="Emelie Westall Lundqvist" userId="S::s221956@dtu.dk::3a6c0c6b-4056-4919-93f8-4a249b28df98" providerId="AD" clId="Web-{01369552-69C6-4E83-9D84-5D1D5A258B59}" dt="2022-12-16T11:28:45.670" v="900" actId="1076"/>
          <ac:picMkLst>
            <pc:docMk/>
            <pc:sldMk cId="3632708366" sldId="292"/>
            <ac:picMk id="24" creationId="{45F54736-16C3-A180-96BC-7D1A159FAA0B}"/>
          </ac:picMkLst>
        </pc:picChg>
        <pc:inkChg chg="del">
          <ac:chgData name="Emelie Westall Lundqvist" userId="S::s221956@dtu.dk::3a6c0c6b-4056-4919-93f8-4a249b28df98" providerId="AD" clId="Web-{01369552-69C6-4E83-9D84-5D1D5A258B59}" dt="2022-12-16T11:14:28.960" v="656"/>
          <ac:inkMkLst>
            <pc:docMk/>
            <pc:sldMk cId="3632708366" sldId="292"/>
            <ac:inkMk id="2" creationId="{27C00042-08E8-CCC7-B61F-6371719877FB}"/>
          </ac:inkMkLst>
        </pc:inkChg>
        <pc:inkChg chg="mod">
          <ac:chgData name="Emelie Westall Lundqvist" userId="S::s221956@dtu.dk::3a6c0c6b-4056-4919-93f8-4a249b28df98" providerId="AD" clId="Web-{01369552-69C6-4E83-9D84-5D1D5A258B59}" dt="2022-12-16T11:46:47.924" v="1265" actId="1076"/>
          <ac:inkMkLst>
            <pc:docMk/>
            <pc:sldMk cId="3632708366" sldId="292"/>
            <ac:inkMk id="15" creationId="{0EA3CF76-C092-8905-62FA-468100DD4FB9}"/>
          </ac:inkMkLst>
        </pc:inkChg>
        <pc:inkChg chg="add">
          <ac:chgData name="Emelie Westall Lundqvist" userId="S::s221956@dtu.dk::3a6c0c6b-4056-4919-93f8-4a249b28df98" providerId="AD" clId="Web-{01369552-69C6-4E83-9D84-5D1D5A258B59}" dt="2022-12-16T11:29:08.826" v="913"/>
          <ac:inkMkLst>
            <pc:docMk/>
            <pc:sldMk cId="3632708366" sldId="292"/>
            <ac:inkMk id="25" creationId="{88493659-A85D-837E-6EDB-7ACEC99BBE4C}"/>
          </ac:inkMkLst>
        </pc:inkChg>
        <pc:inkChg chg="add">
          <ac:chgData name="Emelie Westall Lundqvist" userId="S::s221956@dtu.dk::3a6c0c6b-4056-4919-93f8-4a249b28df98" providerId="AD" clId="Web-{01369552-69C6-4E83-9D84-5D1D5A258B59}" dt="2022-12-16T11:29:10.763" v="914"/>
          <ac:inkMkLst>
            <pc:docMk/>
            <pc:sldMk cId="3632708366" sldId="292"/>
            <ac:inkMk id="26" creationId="{AD8DC581-5E4B-5CF9-6428-E61E2E3EEDEA}"/>
          </ac:inkMkLst>
        </pc:inkChg>
        <pc:inkChg chg="add del">
          <ac:chgData name="Emelie Westall Lundqvist" userId="S::s221956@dtu.dk::3a6c0c6b-4056-4919-93f8-4a249b28df98" providerId="AD" clId="Web-{01369552-69C6-4E83-9D84-5D1D5A258B59}" dt="2022-12-16T11:32:47.245" v="925"/>
          <ac:inkMkLst>
            <pc:docMk/>
            <pc:sldMk cId="3632708366" sldId="292"/>
            <ac:inkMk id="27" creationId="{A82C6F91-773A-3253-D22B-08FD0E52F7AE}"/>
          </ac:inkMkLst>
        </pc:inkChg>
        <pc:inkChg chg="add del">
          <ac:chgData name="Emelie Westall Lundqvist" userId="S::s221956@dtu.dk::3a6c0c6b-4056-4919-93f8-4a249b28df98" providerId="AD" clId="Web-{01369552-69C6-4E83-9D84-5D1D5A258B59}" dt="2022-12-16T11:32:44.964" v="923"/>
          <ac:inkMkLst>
            <pc:docMk/>
            <pc:sldMk cId="3632708366" sldId="292"/>
            <ac:inkMk id="28" creationId="{F76F453C-AFC8-936D-00B4-19DB0AB88B3E}"/>
          </ac:inkMkLst>
        </pc:inkChg>
        <pc:inkChg chg="add del">
          <ac:chgData name="Emelie Westall Lundqvist" userId="S::s221956@dtu.dk::3a6c0c6b-4056-4919-93f8-4a249b28df98" providerId="AD" clId="Web-{01369552-69C6-4E83-9D84-5D1D5A258B59}" dt="2022-12-16T11:32:37.855" v="918"/>
          <ac:inkMkLst>
            <pc:docMk/>
            <pc:sldMk cId="3632708366" sldId="292"/>
            <ac:inkMk id="29" creationId="{8D59A675-AEC5-7179-9AD4-037FB03F1473}"/>
          </ac:inkMkLst>
        </pc:inkChg>
        <pc:inkChg chg="add del">
          <ac:chgData name="Emelie Westall Lundqvist" userId="S::s221956@dtu.dk::3a6c0c6b-4056-4919-93f8-4a249b28df98" providerId="AD" clId="Web-{01369552-69C6-4E83-9D84-5D1D5A258B59}" dt="2022-12-16T11:32:39.636" v="920"/>
          <ac:inkMkLst>
            <pc:docMk/>
            <pc:sldMk cId="3632708366" sldId="292"/>
            <ac:inkMk id="30" creationId="{01AECDE3-7427-8E1E-C03B-5D632C0939AA}"/>
          </ac:inkMkLst>
        </pc:inkChg>
        <pc:inkChg chg="add del">
          <ac:chgData name="Emelie Westall Lundqvist" userId="S::s221956@dtu.dk::3a6c0c6b-4056-4919-93f8-4a249b28df98" providerId="AD" clId="Web-{01369552-69C6-4E83-9D84-5D1D5A258B59}" dt="2022-12-16T11:32:43.871" v="922"/>
          <ac:inkMkLst>
            <pc:docMk/>
            <pc:sldMk cId="3632708366" sldId="292"/>
            <ac:inkMk id="31" creationId="{E8B7CFD6-2AC7-8D3B-F2E6-118904AA20B6}"/>
          </ac:inkMkLst>
        </pc:inkChg>
        <pc:cxnChg chg="del">
          <ac:chgData name="Emelie Westall Lundqvist" userId="S::s221956@dtu.dk::3a6c0c6b-4056-4919-93f8-4a249b28df98" providerId="AD" clId="Web-{01369552-69C6-4E83-9D84-5D1D5A258B59}" dt="2022-12-16T11:14:36.163" v="659"/>
          <ac:cxnSpMkLst>
            <pc:docMk/>
            <pc:sldMk cId="3632708366" sldId="292"/>
            <ac:cxnSpMk id="8" creationId="{9F739EB6-5196-2E1F-9A9A-D637ED4DA9BA}"/>
          </ac:cxnSpMkLst>
        </pc:cxnChg>
        <pc:cxnChg chg="del">
          <ac:chgData name="Emelie Westall Lundqvist" userId="S::s221956@dtu.dk::3a6c0c6b-4056-4919-93f8-4a249b28df98" providerId="AD" clId="Web-{01369552-69C6-4E83-9D84-5D1D5A258B59}" dt="2022-12-16T11:14:34.226" v="658"/>
          <ac:cxnSpMkLst>
            <pc:docMk/>
            <pc:sldMk cId="3632708366" sldId="292"/>
            <ac:cxnSpMk id="18" creationId="{B567DABD-0DF5-8DBD-504E-127C62927307}"/>
          </ac:cxnSpMkLst>
        </pc:cxnChg>
      </pc:sldChg>
      <pc:sldChg chg="addSp delSp modSp new del mod modClrScheme chgLayout">
        <pc:chgData name="Emelie Westall Lundqvist" userId="S::s221956@dtu.dk::3a6c0c6b-4056-4919-93f8-4a249b28df98" providerId="AD" clId="Web-{01369552-69C6-4E83-9D84-5D1D5A258B59}" dt="2022-12-16T11:23:53.220" v="848"/>
        <pc:sldMkLst>
          <pc:docMk/>
          <pc:sldMk cId="2614464089" sldId="293"/>
        </pc:sldMkLst>
        <pc:spChg chg="mod ord">
          <ac:chgData name="Emelie Westall Lundqvist" userId="S::s221956@dtu.dk::3a6c0c6b-4056-4919-93f8-4a249b28df98" providerId="AD" clId="Web-{01369552-69C6-4E83-9D84-5D1D5A258B59}" dt="2022-12-16T11:23:25.392" v="839"/>
          <ac:spMkLst>
            <pc:docMk/>
            <pc:sldMk cId="2614464089" sldId="293"/>
            <ac:spMk id="2" creationId="{7D098D50-7D23-ED47-96FD-040C63261CC0}"/>
          </ac:spMkLst>
        </pc:spChg>
        <pc:spChg chg="mod ord">
          <ac:chgData name="Emelie Westall Lundqvist" userId="S::s221956@dtu.dk::3a6c0c6b-4056-4919-93f8-4a249b28df98" providerId="AD" clId="Web-{01369552-69C6-4E83-9D84-5D1D5A258B59}" dt="2022-12-16T11:23:25.392" v="839"/>
          <ac:spMkLst>
            <pc:docMk/>
            <pc:sldMk cId="2614464089" sldId="293"/>
            <ac:spMk id="3" creationId="{01897F34-06C7-2D51-15ED-7FA9748932EF}"/>
          </ac:spMkLst>
        </pc:spChg>
        <pc:spChg chg="mod ord">
          <ac:chgData name="Emelie Westall Lundqvist" userId="S::s221956@dtu.dk::3a6c0c6b-4056-4919-93f8-4a249b28df98" providerId="AD" clId="Web-{01369552-69C6-4E83-9D84-5D1D5A258B59}" dt="2022-12-16T11:23:25.392" v="839"/>
          <ac:spMkLst>
            <pc:docMk/>
            <pc:sldMk cId="2614464089" sldId="293"/>
            <ac:spMk id="4" creationId="{9161D55A-04FB-B5E6-498D-BA320AE25682}"/>
          </ac:spMkLst>
        </pc:spChg>
        <pc:spChg chg="add mod ord">
          <ac:chgData name="Emelie Westall Lundqvist" userId="S::s221956@dtu.dk::3a6c0c6b-4056-4919-93f8-4a249b28df98" providerId="AD" clId="Web-{01369552-69C6-4E83-9D84-5D1D5A258B59}" dt="2022-12-16T11:23:25.392" v="839"/>
          <ac:spMkLst>
            <pc:docMk/>
            <pc:sldMk cId="2614464089" sldId="293"/>
            <ac:spMk id="5" creationId="{3B8411C7-6890-6961-F1CD-06D8DBEC048A}"/>
          </ac:spMkLst>
        </pc:spChg>
        <pc:picChg chg="add del mod">
          <ac:chgData name="Emelie Westall Lundqvist" userId="S::s221956@dtu.dk::3a6c0c6b-4056-4919-93f8-4a249b28df98" providerId="AD" clId="Web-{01369552-69C6-4E83-9D84-5D1D5A258B59}" dt="2022-12-16T11:23:45.361" v="845"/>
          <ac:picMkLst>
            <pc:docMk/>
            <pc:sldMk cId="2614464089" sldId="293"/>
            <ac:picMk id="7" creationId="{C7C21D0E-EC03-5A73-DA60-8DE764263BAF}"/>
          </ac:picMkLst>
        </pc:picChg>
      </pc:sldChg>
      <pc:sldChg chg="addSp delSp modSp add replId">
        <pc:chgData name="Emelie Westall Lundqvist" userId="S::s221956@dtu.dk::3a6c0c6b-4056-4919-93f8-4a249b28df98" providerId="AD" clId="Web-{01369552-69C6-4E83-9D84-5D1D5A258B59}" dt="2022-12-16T12:15:20.281" v="1723" actId="14100"/>
        <pc:sldMkLst>
          <pc:docMk/>
          <pc:sldMk cId="2964722753" sldId="293"/>
        </pc:sldMkLst>
        <pc:spChg chg="add mod">
          <ac:chgData name="Emelie Westall Lundqvist" userId="S::s221956@dtu.dk::3a6c0c6b-4056-4919-93f8-4a249b28df98" providerId="AD" clId="Web-{01369552-69C6-4E83-9D84-5D1D5A258B59}" dt="2022-12-16T12:04:10.694" v="1514" actId="20577"/>
          <ac:spMkLst>
            <pc:docMk/>
            <pc:sldMk cId="2964722753" sldId="293"/>
            <ac:spMk id="2" creationId="{FB55BD47-756A-514B-369C-88B089C8146C}"/>
          </ac:spMkLst>
        </pc:spChg>
        <pc:spChg chg="del mod">
          <ac:chgData name="Emelie Westall Lundqvist" userId="S::s221956@dtu.dk::3a6c0c6b-4056-4919-93f8-4a249b28df98" providerId="AD" clId="Web-{01369552-69C6-4E83-9D84-5D1D5A258B59}" dt="2022-12-16T11:47:18.439" v="1279"/>
          <ac:spMkLst>
            <pc:docMk/>
            <pc:sldMk cId="2964722753" sldId="293"/>
            <ac:spMk id="3" creationId="{FA3B3913-113B-2D76-0B58-5B12C8D69022}"/>
          </ac:spMkLst>
        </pc:spChg>
        <pc:spChg chg="add ord">
          <ac:chgData name="Emelie Westall Lundqvist" userId="S::s221956@dtu.dk::3a6c0c6b-4056-4919-93f8-4a249b28df98" providerId="AD" clId="Web-{01369552-69C6-4E83-9D84-5D1D5A258B59}" dt="2022-12-16T12:14:37.734" v="1708"/>
          <ac:spMkLst>
            <pc:docMk/>
            <pc:sldMk cId="2964722753" sldId="293"/>
            <ac:spMk id="5" creationId="{620D62F0-9698-9616-E382-29FCFC1784A8}"/>
          </ac:spMkLst>
        </pc:spChg>
        <pc:spChg chg="add mod">
          <ac:chgData name="Emelie Westall Lundqvist" userId="S::s221956@dtu.dk::3a6c0c6b-4056-4919-93f8-4a249b28df98" providerId="AD" clId="Web-{01369552-69C6-4E83-9D84-5D1D5A258B59}" dt="2022-12-16T11:55:43.090" v="1480" actId="1076"/>
          <ac:spMkLst>
            <pc:docMk/>
            <pc:sldMk cId="2964722753" sldId="293"/>
            <ac:spMk id="6" creationId="{5D8353D7-0D70-D64C-26FA-61D1213C00ED}"/>
          </ac:spMkLst>
        </pc:spChg>
        <pc:spChg chg="mod">
          <ac:chgData name="Emelie Westall Lundqvist" userId="S::s221956@dtu.dk::3a6c0c6b-4056-4919-93f8-4a249b28df98" providerId="AD" clId="Web-{01369552-69C6-4E83-9D84-5D1D5A258B59}" dt="2022-12-16T12:15:20.281" v="1723" actId="14100"/>
          <ac:spMkLst>
            <pc:docMk/>
            <pc:sldMk cId="2964722753" sldId="293"/>
            <ac:spMk id="7" creationId="{0236EE1E-3E88-8E11-F892-74376DB8C175}"/>
          </ac:spMkLst>
        </pc:spChg>
        <pc:spChg chg="mod">
          <ac:chgData name="Emelie Westall Lundqvist" userId="S::s221956@dtu.dk::3a6c0c6b-4056-4919-93f8-4a249b28df98" providerId="AD" clId="Web-{01369552-69C6-4E83-9D84-5D1D5A258B59}" dt="2022-12-16T12:14:45.625" v="1710" actId="1076"/>
          <ac:spMkLst>
            <pc:docMk/>
            <pc:sldMk cId="2964722753" sldId="293"/>
            <ac:spMk id="10" creationId="{4E0094D3-8177-A876-934C-54A7883EE0DA}"/>
          </ac:spMkLst>
        </pc:spChg>
        <pc:spChg chg="mod">
          <ac:chgData name="Emelie Westall Lundqvist" userId="S::s221956@dtu.dk::3a6c0c6b-4056-4919-93f8-4a249b28df98" providerId="AD" clId="Web-{01369552-69C6-4E83-9D84-5D1D5A258B59}" dt="2022-12-16T12:04:16.303" v="1515" actId="1076"/>
          <ac:spMkLst>
            <pc:docMk/>
            <pc:sldMk cId="2964722753" sldId="293"/>
            <ac:spMk id="11" creationId="{21F02E95-C36D-2B40-8935-098180D5D021}"/>
          </ac:spMkLst>
        </pc:spChg>
        <pc:spChg chg="del">
          <ac:chgData name="Emelie Westall Lundqvist" userId="S::s221956@dtu.dk::3a6c0c6b-4056-4919-93f8-4a249b28df98" providerId="AD" clId="Web-{01369552-69C6-4E83-9D84-5D1D5A258B59}" dt="2022-12-16T11:47:20.439" v="1280"/>
          <ac:spMkLst>
            <pc:docMk/>
            <pc:sldMk cId="2964722753" sldId="293"/>
            <ac:spMk id="23" creationId="{52298CFF-5FD3-1940-8F2C-E913E5A681A8}"/>
          </ac:spMkLst>
        </pc:spChg>
        <pc:spChg chg="del">
          <ac:chgData name="Emelie Westall Lundqvist" userId="S::s221956@dtu.dk::3a6c0c6b-4056-4919-93f8-4a249b28df98" providerId="AD" clId="Web-{01369552-69C6-4E83-9D84-5D1D5A258B59}" dt="2022-12-16T11:47:14.986" v="1274"/>
          <ac:spMkLst>
            <pc:docMk/>
            <pc:sldMk cId="2964722753" sldId="293"/>
            <ac:spMk id="33" creationId="{F0363F09-764F-82FE-1EC6-DF9370414911}"/>
          </ac:spMkLst>
        </pc:spChg>
        <pc:picChg chg="add mod modCrop">
          <ac:chgData name="Emelie Westall Lundqvist" userId="S::s221956@dtu.dk::3a6c0c6b-4056-4919-93f8-4a249b28df98" providerId="AD" clId="Web-{01369552-69C6-4E83-9D84-5D1D5A258B59}" dt="2022-12-16T12:03:17.211" v="1508" actId="1076"/>
          <ac:picMkLst>
            <pc:docMk/>
            <pc:sldMk cId="2964722753" sldId="293"/>
            <ac:picMk id="8" creationId="{C5787DBE-1E8B-6A17-2CDE-175AF7F1D399}"/>
          </ac:picMkLst>
        </pc:picChg>
        <pc:picChg chg="del">
          <ac:chgData name="Emelie Westall Lundqvist" userId="S::s221956@dtu.dk::3a6c0c6b-4056-4919-93f8-4a249b28df98" providerId="AD" clId="Web-{01369552-69C6-4E83-9D84-5D1D5A258B59}" dt="2022-12-16T11:47:14.986" v="1275"/>
          <ac:picMkLst>
            <pc:docMk/>
            <pc:sldMk cId="2964722753" sldId="293"/>
            <ac:picMk id="14" creationId="{CE756EE7-8EA7-502A-C95E-096535F9B190}"/>
          </ac:picMkLst>
        </pc:picChg>
        <pc:picChg chg="del">
          <ac:chgData name="Emelie Westall Lundqvist" userId="S::s221956@dtu.dk::3a6c0c6b-4056-4919-93f8-4a249b28df98" providerId="AD" clId="Web-{01369552-69C6-4E83-9D84-5D1D5A258B59}" dt="2022-12-16T11:47:12.064" v="1272"/>
          <ac:picMkLst>
            <pc:docMk/>
            <pc:sldMk cId="2964722753" sldId="293"/>
            <ac:picMk id="16" creationId="{03DFFDA8-7112-4655-2680-7A3C5EAB5A4B}"/>
          </ac:picMkLst>
        </pc:picChg>
        <pc:picChg chg="del">
          <ac:chgData name="Emelie Westall Lundqvist" userId="S::s221956@dtu.dk::3a6c0c6b-4056-4919-93f8-4a249b28df98" providerId="AD" clId="Web-{01369552-69C6-4E83-9D84-5D1D5A258B59}" dt="2022-12-16T11:47:14.986" v="1277"/>
          <ac:picMkLst>
            <pc:docMk/>
            <pc:sldMk cId="2964722753" sldId="293"/>
            <ac:picMk id="20" creationId="{DBF66DBE-B975-9BF1-11E6-E4DCDE40EAD8}"/>
          </ac:picMkLst>
        </pc:picChg>
        <pc:picChg chg="del">
          <ac:chgData name="Emelie Westall Lundqvist" userId="S::s221956@dtu.dk::3a6c0c6b-4056-4919-93f8-4a249b28df98" providerId="AD" clId="Web-{01369552-69C6-4E83-9D84-5D1D5A258B59}" dt="2022-12-16T11:47:14.986" v="1276"/>
          <ac:picMkLst>
            <pc:docMk/>
            <pc:sldMk cId="2964722753" sldId="293"/>
            <ac:picMk id="21" creationId="{97586108-D1C1-CCB2-6C60-6B5D08133FD3}"/>
          </ac:picMkLst>
        </pc:picChg>
        <pc:picChg chg="del">
          <ac:chgData name="Emelie Westall Lundqvist" userId="S::s221956@dtu.dk::3a6c0c6b-4056-4919-93f8-4a249b28df98" providerId="AD" clId="Web-{01369552-69C6-4E83-9D84-5D1D5A258B59}" dt="2022-12-16T11:47:12.767" v="1273"/>
          <ac:picMkLst>
            <pc:docMk/>
            <pc:sldMk cId="2964722753" sldId="293"/>
            <ac:picMk id="24" creationId="{45F54736-16C3-A180-96BC-7D1A159FAA0B}"/>
          </ac:picMkLst>
        </pc:picChg>
      </pc:sldChg>
      <pc:sldChg chg="addSp delSp modSp add mod replId modClrScheme chgLayout">
        <pc:chgData name="Emelie Westall Lundqvist" userId="S::s221956@dtu.dk::3a6c0c6b-4056-4919-93f8-4a249b28df98" providerId="AD" clId="Web-{01369552-69C6-4E83-9D84-5D1D5A258B59}" dt="2022-12-16T12:25:31.837" v="1734"/>
        <pc:sldMkLst>
          <pc:docMk/>
          <pc:sldMk cId="3846275707" sldId="294"/>
        </pc:sldMkLst>
        <pc:spChg chg="del">
          <ac:chgData name="Emelie Westall Lundqvist" userId="S::s221956@dtu.dk::3a6c0c6b-4056-4919-93f8-4a249b28df98" providerId="AD" clId="Web-{01369552-69C6-4E83-9D84-5D1D5A258B59}" dt="2022-12-16T12:09:26.441" v="1522"/>
          <ac:spMkLst>
            <pc:docMk/>
            <pc:sldMk cId="3846275707" sldId="294"/>
            <ac:spMk id="2" creationId="{FB55BD47-756A-514B-369C-88B089C8146C}"/>
          </ac:spMkLst>
        </pc:spChg>
        <pc:spChg chg="add mod ord">
          <ac:chgData name="Emelie Westall Lundqvist" userId="S::s221956@dtu.dk::3a6c0c6b-4056-4919-93f8-4a249b28df98" providerId="AD" clId="Web-{01369552-69C6-4E83-9D84-5D1D5A258B59}" dt="2022-12-16T12:17:05.592" v="1729" actId="14100"/>
          <ac:spMkLst>
            <pc:docMk/>
            <pc:sldMk cId="3846275707" sldId="294"/>
            <ac:spMk id="3" creationId="{030918C6-C726-46DA-5B7D-A132FF9130C5}"/>
          </ac:spMkLst>
        </pc:spChg>
        <pc:spChg chg="mod ord">
          <ac:chgData name="Emelie Westall Lundqvist" userId="S::s221956@dtu.dk::3a6c0c6b-4056-4919-93f8-4a249b28df98" providerId="AD" clId="Web-{01369552-69C6-4E83-9D84-5D1D5A258B59}" dt="2022-12-16T12:11:09.940" v="1543"/>
          <ac:spMkLst>
            <pc:docMk/>
            <pc:sldMk cId="3846275707" sldId="294"/>
            <ac:spMk id="4" creationId="{892FEE4B-BB6D-8803-A1AD-444BDAA5CF90}"/>
          </ac:spMkLst>
        </pc:spChg>
        <pc:spChg chg="add mod ord">
          <ac:chgData name="Emelie Westall Lundqvist" userId="S::s221956@dtu.dk::3a6c0c6b-4056-4919-93f8-4a249b28df98" providerId="AD" clId="Web-{01369552-69C6-4E83-9D84-5D1D5A258B59}" dt="2022-12-16T12:17:11.264" v="1730" actId="14100"/>
          <ac:spMkLst>
            <pc:docMk/>
            <pc:sldMk cId="3846275707" sldId="294"/>
            <ac:spMk id="5" creationId="{FC0D1D2C-865B-DF87-FC53-81E25FA6BF3C}"/>
          </ac:spMkLst>
        </pc:spChg>
        <pc:spChg chg="del">
          <ac:chgData name="Emelie Westall Lundqvist" userId="S::s221956@dtu.dk::3a6c0c6b-4056-4919-93f8-4a249b28df98" providerId="AD" clId="Web-{01369552-69C6-4E83-9D84-5D1D5A258B59}" dt="2022-12-16T12:09:24.347" v="1519"/>
          <ac:spMkLst>
            <pc:docMk/>
            <pc:sldMk cId="3846275707" sldId="294"/>
            <ac:spMk id="6" creationId="{5D8353D7-0D70-D64C-26FA-61D1213C00ED}"/>
          </ac:spMkLst>
        </pc:spChg>
        <pc:spChg chg="mod ord">
          <ac:chgData name="Emelie Westall Lundqvist" userId="S::s221956@dtu.dk::3a6c0c6b-4056-4919-93f8-4a249b28df98" providerId="AD" clId="Web-{01369552-69C6-4E83-9D84-5D1D5A258B59}" dt="2022-12-16T12:15:14.984" v="1722" actId="14100"/>
          <ac:spMkLst>
            <pc:docMk/>
            <pc:sldMk cId="3846275707" sldId="294"/>
            <ac:spMk id="7" creationId="{0236EE1E-3E88-8E11-F892-74376DB8C175}"/>
          </ac:spMkLst>
        </pc:spChg>
        <pc:spChg chg="del">
          <ac:chgData name="Emelie Westall Lundqvist" userId="S::s221956@dtu.dk::3a6c0c6b-4056-4919-93f8-4a249b28df98" providerId="AD" clId="Web-{01369552-69C6-4E83-9D84-5D1D5A258B59}" dt="2022-12-16T12:09:22.644" v="1517"/>
          <ac:spMkLst>
            <pc:docMk/>
            <pc:sldMk cId="3846275707" sldId="294"/>
            <ac:spMk id="10" creationId="{4E0094D3-8177-A876-934C-54A7883EE0DA}"/>
          </ac:spMkLst>
        </pc:spChg>
        <pc:spChg chg="del">
          <ac:chgData name="Emelie Westall Lundqvist" userId="S::s221956@dtu.dk::3a6c0c6b-4056-4919-93f8-4a249b28df98" providerId="AD" clId="Web-{01369552-69C6-4E83-9D84-5D1D5A258B59}" dt="2022-12-16T12:09:24.347" v="1518"/>
          <ac:spMkLst>
            <pc:docMk/>
            <pc:sldMk cId="3846275707" sldId="294"/>
            <ac:spMk id="11" creationId="{21F02E95-C36D-2B40-8935-098180D5D021}"/>
          </ac:spMkLst>
        </pc:spChg>
        <pc:spChg chg="add ord">
          <ac:chgData name="Emelie Westall Lundqvist" userId="S::s221956@dtu.dk::3a6c0c6b-4056-4919-93f8-4a249b28df98" providerId="AD" clId="Web-{01369552-69C6-4E83-9D84-5D1D5A258B59}" dt="2022-12-16T12:14:58.812" v="1712"/>
          <ac:spMkLst>
            <pc:docMk/>
            <pc:sldMk cId="3846275707" sldId="294"/>
            <ac:spMk id="13" creationId="{CB8779F4-E32A-DB50-B887-E878BEB3F9C9}"/>
          </ac:spMkLst>
        </pc:spChg>
        <pc:spChg chg="add mod">
          <ac:chgData name="Emelie Westall Lundqvist" userId="S::s221956@dtu.dk::3a6c0c6b-4056-4919-93f8-4a249b28df98" providerId="AD" clId="Web-{01369552-69C6-4E83-9D84-5D1D5A258B59}" dt="2022-12-16T12:17:22.967" v="1732" actId="1076"/>
          <ac:spMkLst>
            <pc:docMk/>
            <pc:sldMk cId="3846275707" sldId="294"/>
            <ac:spMk id="16" creationId="{2C50E046-72B5-F75D-B795-A65DAE928436}"/>
          </ac:spMkLst>
        </pc:spChg>
        <pc:spChg chg="add del">
          <ac:chgData name="Emelie Westall Lundqvist" userId="S::s221956@dtu.dk::3a6c0c6b-4056-4919-93f8-4a249b28df98" providerId="AD" clId="Web-{01369552-69C6-4E83-9D84-5D1D5A258B59}" dt="2022-12-16T12:25:31.837" v="1734"/>
          <ac:spMkLst>
            <pc:docMk/>
            <pc:sldMk cId="3846275707" sldId="294"/>
            <ac:spMk id="18" creationId="{0537319C-766A-8D84-FDC4-16A1069C712D}"/>
          </ac:spMkLst>
        </pc:spChg>
        <pc:picChg chg="del">
          <ac:chgData name="Emelie Westall Lundqvist" userId="S::s221956@dtu.dk::3a6c0c6b-4056-4919-93f8-4a249b28df98" providerId="AD" clId="Web-{01369552-69C6-4E83-9D84-5D1D5A258B59}" dt="2022-12-16T12:09:27.472" v="1524"/>
          <ac:picMkLst>
            <pc:docMk/>
            <pc:sldMk cId="3846275707" sldId="294"/>
            <ac:picMk id="8" creationId="{C5787DBE-1E8B-6A17-2CDE-175AF7F1D399}"/>
          </ac:picMkLst>
        </pc:picChg>
        <pc:inkChg chg="del">
          <ac:chgData name="Emelie Westall Lundqvist" userId="S::s221956@dtu.dk::3a6c0c6b-4056-4919-93f8-4a249b28df98" providerId="AD" clId="Web-{01369552-69C6-4E83-9D84-5D1D5A258B59}" dt="2022-12-16T12:09:26.441" v="1523"/>
          <ac:inkMkLst>
            <pc:docMk/>
            <pc:sldMk cId="3846275707" sldId="294"/>
            <ac:inkMk id="15" creationId="{0EA3CF76-C092-8905-62FA-468100DD4FB9}"/>
          </ac:inkMkLst>
        </pc:inkChg>
        <pc:inkChg chg="del">
          <ac:chgData name="Emelie Westall Lundqvist" userId="S::s221956@dtu.dk::3a6c0c6b-4056-4919-93f8-4a249b28df98" providerId="AD" clId="Web-{01369552-69C6-4E83-9D84-5D1D5A258B59}" dt="2022-12-16T12:09:24.347" v="1521"/>
          <ac:inkMkLst>
            <pc:docMk/>
            <pc:sldMk cId="3846275707" sldId="294"/>
            <ac:inkMk id="25" creationId="{88493659-A85D-837E-6EDB-7ACEC99BBE4C}"/>
          </ac:inkMkLst>
        </pc:inkChg>
        <pc:inkChg chg="del">
          <ac:chgData name="Emelie Westall Lundqvist" userId="S::s221956@dtu.dk::3a6c0c6b-4056-4919-93f8-4a249b28df98" providerId="AD" clId="Web-{01369552-69C6-4E83-9D84-5D1D5A258B59}" dt="2022-12-16T12:09:24.347" v="1520"/>
          <ac:inkMkLst>
            <pc:docMk/>
            <pc:sldMk cId="3846275707" sldId="294"/>
            <ac:inkMk id="26" creationId="{AD8DC581-5E4B-5CF9-6428-E61E2E3EEDEA}"/>
          </ac:inkMkLst>
        </pc:inkChg>
      </pc:sldChg>
      <pc:sldChg chg="new">
        <pc:chgData name="Emelie Westall Lundqvist" userId="S::s221956@dtu.dk::3a6c0c6b-4056-4919-93f8-4a249b28df98" providerId="AD" clId="Web-{01369552-69C6-4E83-9D84-5D1D5A258B59}" dt="2022-12-16T12:11:03.158" v="1542"/>
        <pc:sldMkLst>
          <pc:docMk/>
          <pc:sldMk cId="132059894" sldId="295"/>
        </pc:sldMkLst>
      </pc:sldChg>
      <pc:sldChg chg="new del">
        <pc:chgData name="Emelie Westall Lundqvist" userId="S::s221956@dtu.dk::3a6c0c6b-4056-4919-93f8-4a249b28df98" providerId="AD" clId="Web-{01369552-69C6-4E83-9D84-5D1D5A258B59}" dt="2022-12-16T12:10:59.049" v="1541"/>
        <pc:sldMkLst>
          <pc:docMk/>
          <pc:sldMk cId="3819670852" sldId="295"/>
        </pc:sldMkLst>
      </pc:sldChg>
    </pc:docChg>
  </pc:docChgLst>
  <pc:docChgLst>
    <pc:chgData name="Emelie Westall Lundqvist" userId="S::s221956@dtu.dk::3a6c0c6b-4056-4919-93f8-4a249b28df98" providerId="AD" clId="Web-{0087F299-9BBB-45D0-B472-E097B778B875}"/>
    <pc:docChg chg="addSld modSld sldOrd">
      <pc:chgData name="Emelie Westall Lundqvist" userId="S::s221956@dtu.dk::3a6c0c6b-4056-4919-93f8-4a249b28df98" providerId="AD" clId="Web-{0087F299-9BBB-45D0-B472-E097B778B875}" dt="2022-12-17T16:55:59.571" v="159" actId="1076"/>
      <pc:docMkLst>
        <pc:docMk/>
      </pc:docMkLst>
      <pc:sldChg chg="modSp">
        <pc:chgData name="Emelie Westall Lundqvist" userId="S::s221956@dtu.dk::3a6c0c6b-4056-4919-93f8-4a249b28df98" providerId="AD" clId="Web-{0087F299-9BBB-45D0-B472-E097B778B875}" dt="2022-12-17T16:29:31.584" v="55" actId="20577"/>
        <pc:sldMkLst>
          <pc:docMk/>
          <pc:sldMk cId="1797996451" sldId="289"/>
        </pc:sldMkLst>
        <pc:spChg chg="mod">
          <ac:chgData name="Emelie Westall Lundqvist" userId="S::s221956@dtu.dk::3a6c0c6b-4056-4919-93f8-4a249b28df98" providerId="AD" clId="Web-{0087F299-9BBB-45D0-B472-E097B778B875}" dt="2022-12-17T16:29:31.584" v="55" actId="20577"/>
          <ac:spMkLst>
            <pc:docMk/>
            <pc:sldMk cId="1797996451" sldId="289"/>
            <ac:spMk id="6" creationId="{8CC2B5EF-5FF7-19AF-E97D-3CF1633FE8E6}"/>
          </ac:spMkLst>
        </pc:spChg>
        <pc:spChg chg="mod">
          <ac:chgData name="Emelie Westall Lundqvist" userId="S::s221956@dtu.dk::3a6c0c6b-4056-4919-93f8-4a249b28df98" providerId="AD" clId="Web-{0087F299-9BBB-45D0-B472-E097B778B875}" dt="2022-12-17T16:18:36.953" v="32" actId="20577"/>
          <ac:spMkLst>
            <pc:docMk/>
            <pc:sldMk cId="1797996451" sldId="289"/>
            <ac:spMk id="12" creationId="{B30B2DBD-605D-9C53-B283-4B3B8F1AA8F7}"/>
          </ac:spMkLst>
        </pc:spChg>
      </pc:sldChg>
      <pc:sldChg chg="modSp">
        <pc:chgData name="Emelie Westall Lundqvist" userId="S::s221956@dtu.dk::3a6c0c6b-4056-4919-93f8-4a249b28df98" providerId="AD" clId="Web-{0087F299-9BBB-45D0-B472-E097B778B875}" dt="2022-12-17T16:16:26.217" v="4" actId="20577"/>
        <pc:sldMkLst>
          <pc:docMk/>
          <pc:sldMk cId="1709986772" sldId="291"/>
        </pc:sldMkLst>
        <pc:spChg chg="mod">
          <ac:chgData name="Emelie Westall Lundqvist" userId="S::s221956@dtu.dk::3a6c0c6b-4056-4919-93f8-4a249b28df98" providerId="AD" clId="Web-{0087F299-9BBB-45D0-B472-E097B778B875}" dt="2022-12-17T16:16:26.217" v="4" actId="20577"/>
          <ac:spMkLst>
            <pc:docMk/>
            <pc:sldMk cId="1709986772" sldId="291"/>
            <ac:spMk id="3" creationId="{89E26569-BA16-7E1E-ACF2-21DBA23C3713}"/>
          </ac:spMkLst>
        </pc:spChg>
      </pc:sldChg>
      <pc:sldChg chg="addSp delSp modSp">
        <pc:chgData name="Emelie Westall Lundqvist" userId="S::s221956@dtu.dk::3a6c0c6b-4056-4919-93f8-4a249b28df98" providerId="AD" clId="Web-{0087F299-9BBB-45D0-B472-E097B778B875}" dt="2022-12-17T16:26:10.801" v="38" actId="1076"/>
        <pc:sldMkLst>
          <pc:docMk/>
          <pc:sldMk cId="3632708366" sldId="292"/>
        </pc:sldMkLst>
        <pc:picChg chg="add mod">
          <ac:chgData name="Emelie Westall Lundqvist" userId="S::s221956@dtu.dk::3a6c0c6b-4056-4919-93f8-4a249b28df98" providerId="AD" clId="Web-{0087F299-9BBB-45D0-B472-E097B778B875}" dt="2022-12-17T16:26:10.801" v="38" actId="1076"/>
          <ac:picMkLst>
            <pc:docMk/>
            <pc:sldMk cId="3632708366" sldId="292"/>
            <ac:picMk id="2" creationId="{0CF96E68-2060-BE0E-4936-9A45084CAE81}"/>
          </ac:picMkLst>
        </pc:picChg>
        <pc:picChg chg="del mod">
          <ac:chgData name="Emelie Westall Lundqvist" userId="S::s221956@dtu.dk::3a6c0c6b-4056-4919-93f8-4a249b28df98" providerId="AD" clId="Web-{0087F299-9BBB-45D0-B472-E097B778B875}" dt="2022-12-17T16:26:02.582" v="35"/>
          <ac:picMkLst>
            <pc:docMk/>
            <pc:sldMk cId="3632708366" sldId="292"/>
            <ac:picMk id="21" creationId="{97586108-D1C1-CCB2-6C60-6B5D08133FD3}"/>
          </ac:picMkLst>
        </pc:picChg>
      </pc:sldChg>
      <pc:sldChg chg="modSp">
        <pc:chgData name="Emelie Westall Lundqvist" userId="S::s221956@dtu.dk::3a6c0c6b-4056-4919-93f8-4a249b28df98" providerId="AD" clId="Web-{0087F299-9BBB-45D0-B472-E097B778B875}" dt="2022-12-17T16:55:59.571" v="159" actId="1076"/>
        <pc:sldMkLst>
          <pc:docMk/>
          <pc:sldMk cId="2964722753" sldId="293"/>
        </pc:sldMkLst>
        <pc:spChg chg="mod">
          <ac:chgData name="Emelie Westall Lundqvist" userId="S::s221956@dtu.dk::3a6c0c6b-4056-4919-93f8-4a249b28df98" providerId="AD" clId="Web-{0087F299-9BBB-45D0-B472-E097B778B875}" dt="2022-12-17T16:32:23.570" v="124" actId="20577"/>
          <ac:spMkLst>
            <pc:docMk/>
            <pc:sldMk cId="2964722753" sldId="293"/>
            <ac:spMk id="6" creationId="{5D8353D7-0D70-D64C-26FA-61D1213C00ED}"/>
          </ac:spMkLst>
        </pc:spChg>
        <pc:spChg chg="mod">
          <ac:chgData name="Emelie Westall Lundqvist" userId="S::s221956@dtu.dk::3a6c0c6b-4056-4919-93f8-4a249b28df98" providerId="AD" clId="Web-{0087F299-9BBB-45D0-B472-E097B778B875}" dt="2022-12-17T16:55:59.539" v="158" actId="1076"/>
          <ac:spMkLst>
            <pc:docMk/>
            <pc:sldMk cId="2964722753" sldId="293"/>
            <ac:spMk id="11" creationId="{21F02E95-C36D-2B40-8935-098180D5D021}"/>
          </ac:spMkLst>
        </pc:spChg>
        <pc:spChg chg="mod">
          <ac:chgData name="Emelie Westall Lundqvist" userId="S::s221956@dtu.dk::3a6c0c6b-4056-4919-93f8-4a249b28df98" providerId="AD" clId="Web-{0087F299-9BBB-45D0-B472-E097B778B875}" dt="2022-12-17T16:55:53.024" v="157" actId="20577"/>
          <ac:spMkLst>
            <pc:docMk/>
            <pc:sldMk cId="2964722753" sldId="293"/>
            <ac:spMk id="17" creationId="{386A0A3F-0987-CD07-9077-784FC812F19A}"/>
          </ac:spMkLst>
        </pc:spChg>
        <pc:spChg chg="mod">
          <ac:chgData name="Emelie Westall Lundqvist" userId="S::s221956@dtu.dk::3a6c0c6b-4056-4919-93f8-4a249b28df98" providerId="AD" clId="Web-{0087F299-9BBB-45D0-B472-E097B778B875}" dt="2022-12-17T16:55:59.571" v="159" actId="1076"/>
          <ac:spMkLst>
            <pc:docMk/>
            <pc:sldMk cId="2964722753" sldId="293"/>
            <ac:spMk id="19" creationId="{87F03E5B-622E-14F0-BF9A-AC71881FCABD}"/>
          </ac:spMkLst>
        </pc:spChg>
        <pc:inkChg chg="mod">
          <ac:chgData name="Emelie Westall Lundqvist" userId="S::s221956@dtu.dk::3a6c0c6b-4056-4919-93f8-4a249b28df98" providerId="AD" clId="Web-{0087F299-9BBB-45D0-B472-E097B778B875}" dt="2022-12-17T16:50:40.396" v="132" actId="1076"/>
          <ac:inkMkLst>
            <pc:docMk/>
            <pc:sldMk cId="2964722753" sldId="293"/>
            <ac:inkMk id="27" creationId="{A82C6F91-773A-3253-D22B-08FD0E52F7AE}"/>
          </ac:inkMkLst>
        </pc:inkChg>
      </pc:sldChg>
      <pc:sldChg chg="modSp ord">
        <pc:chgData name="Emelie Westall Lundqvist" userId="S::s221956@dtu.dk::3a6c0c6b-4056-4919-93f8-4a249b28df98" providerId="AD" clId="Web-{0087F299-9BBB-45D0-B472-E097B778B875}" dt="2022-12-17T16:17:40.406" v="18" actId="1076"/>
        <pc:sldMkLst>
          <pc:docMk/>
          <pc:sldMk cId="3126814601" sldId="297"/>
        </pc:sldMkLst>
        <pc:spChg chg="mod">
          <ac:chgData name="Emelie Westall Lundqvist" userId="S::s221956@dtu.dk::3a6c0c6b-4056-4919-93f8-4a249b28df98" providerId="AD" clId="Web-{0087F299-9BBB-45D0-B472-E097B778B875}" dt="2022-12-17T16:17:40.406" v="18" actId="1076"/>
          <ac:spMkLst>
            <pc:docMk/>
            <pc:sldMk cId="3126814601" sldId="297"/>
            <ac:spMk id="5" creationId="{144ED827-ACA1-5E06-7C3D-51B166105391}"/>
          </ac:spMkLst>
        </pc:spChg>
      </pc:sldChg>
      <pc:sldChg chg="modSp new mod chgLayout">
        <pc:chgData name="Emelie Westall Lundqvist" userId="S::s221956@dtu.dk::3a6c0c6b-4056-4919-93f8-4a249b28df98" providerId="AD" clId="Web-{0087F299-9BBB-45D0-B472-E097B778B875}" dt="2022-12-17T16:16:43.108" v="6"/>
        <pc:sldMkLst>
          <pc:docMk/>
          <pc:sldMk cId="3544203875" sldId="298"/>
        </pc:sldMkLst>
        <pc:spChg chg="mod ord">
          <ac:chgData name="Emelie Westall Lundqvist" userId="S::s221956@dtu.dk::3a6c0c6b-4056-4919-93f8-4a249b28df98" providerId="AD" clId="Web-{0087F299-9BBB-45D0-B472-E097B778B875}" dt="2022-12-17T16:16:43.108" v="6"/>
          <ac:spMkLst>
            <pc:docMk/>
            <pc:sldMk cId="3544203875" sldId="298"/>
            <ac:spMk id="2" creationId="{4BA9DCFE-5A7B-4251-BAC0-923BB058C209}"/>
          </ac:spMkLst>
        </pc:spChg>
        <pc:spChg chg="mod ord">
          <ac:chgData name="Emelie Westall Lundqvist" userId="S::s221956@dtu.dk::3a6c0c6b-4056-4919-93f8-4a249b28df98" providerId="AD" clId="Web-{0087F299-9BBB-45D0-B472-E097B778B875}" dt="2022-12-17T16:16:43.108" v="6"/>
          <ac:spMkLst>
            <pc:docMk/>
            <pc:sldMk cId="3544203875" sldId="298"/>
            <ac:spMk id="3" creationId="{69DF47B8-781E-F980-C943-26A8345670A1}"/>
          </ac:spMkLst>
        </pc:spChg>
        <pc:spChg chg="mod ord">
          <ac:chgData name="Emelie Westall Lundqvist" userId="S::s221956@dtu.dk::3a6c0c6b-4056-4919-93f8-4a249b28df98" providerId="AD" clId="Web-{0087F299-9BBB-45D0-B472-E097B778B875}" dt="2022-12-17T16:16:43.108" v="6"/>
          <ac:spMkLst>
            <pc:docMk/>
            <pc:sldMk cId="3544203875" sldId="298"/>
            <ac:spMk id="4" creationId="{55A5A8DA-A19E-052B-D093-7F42594AEBA8}"/>
          </ac:spMkLst>
        </pc:spChg>
      </pc:sldChg>
      <pc:sldChg chg="addSp delSp modSp add ord replId modNotes">
        <pc:chgData name="Emelie Westall Lundqvist" userId="S::s221956@dtu.dk::3a6c0c6b-4056-4919-93f8-4a249b28df98" providerId="AD" clId="Web-{0087F299-9BBB-45D0-B472-E097B778B875}" dt="2022-12-17T16:31:53.475" v="122"/>
        <pc:sldMkLst>
          <pc:docMk/>
          <pc:sldMk cId="147410912" sldId="299"/>
        </pc:sldMkLst>
        <pc:spChg chg="add mod">
          <ac:chgData name="Emelie Westall Lundqvist" userId="S::s221956@dtu.dk::3a6c0c6b-4056-4919-93f8-4a249b28df98" providerId="AD" clId="Web-{0087F299-9BBB-45D0-B472-E097B778B875}" dt="2022-12-17T16:31:49.085" v="121" actId="20577"/>
          <ac:spMkLst>
            <pc:docMk/>
            <pc:sldMk cId="147410912" sldId="299"/>
            <ac:spMk id="2" creationId="{BE5E7107-05AC-4FC1-2B80-7AFF3A52AAAD}"/>
          </ac:spMkLst>
        </pc:spChg>
        <pc:spChg chg="del mod">
          <ac:chgData name="Emelie Westall Lundqvist" userId="S::s221956@dtu.dk::3a6c0c6b-4056-4919-93f8-4a249b28df98" providerId="AD" clId="Web-{0087F299-9BBB-45D0-B472-E097B778B875}" dt="2022-12-17T16:28:46.693" v="51"/>
          <ac:spMkLst>
            <pc:docMk/>
            <pc:sldMk cId="147410912" sldId="299"/>
            <ac:spMk id="6" creationId="{5D8353D7-0D70-D64C-26FA-61D1213C00ED}"/>
          </ac:spMkLst>
        </pc:spChg>
        <pc:spChg chg="mod">
          <ac:chgData name="Emelie Westall Lundqvist" userId="S::s221956@dtu.dk::3a6c0c6b-4056-4919-93f8-4a249b28df98" providerId="AD" clId="Web-{0087F299-9BBB-45D0-B472-E097B778B875}" dt="2022-12-17T16:28:35.646" v="41" actId="20577"/>
          <ac:spMkLst>
            <pc:docMk/>
            <pc:sldMk cId="147410912" sldId="299"/>
            <ac:spMk id="7" creationId="{0236EE1E-3E88-8E11-F892-74376DB8C175}"/>
          </ac:spMkLst>
        </pc:spChg>
        <pc:spChg chg="del">
          <ac:chgData name="Emelie Westall Lundqvist" userId="S::s221956@dtu.dk::3a6c0c6b-4056-4919-93f8-4a249b28df98" providerId="AD" clId="Web-{0087F299-9BBB-45D0-B472-E097B778B875}" dt="2022-12-17T16:28:50.677" v="54"/>
          <ac:spMkLst>
            <pc:docMk/>
            <pc:sldMk cId="147410912" sldId="299"/>
            <ac:spMk id="10" creationId="{4E0094D3-8177-A876-934C-54A7883EE0DA}"/>
          </ac:spMkLst>
        </pc:spChg>
        <pc:spChg chg="del">
          <ac:chgData name="Emelie Westall Lundqvist" userId="S::s221956@dtu.dk::3a6c0c6b-4056-4919-93f8-4a249b28df98" providerId="AD" clId="Web-{0087F299-9BBB-45D0-B472-E097B778B875}" dt="2022-12-17T16:28:37.833" v="44"/>
          <ac:spMkLst>
            <pc:docMk/>
            <pc:sldMk cId="147410912" sldId="299"/>
            <ac:spMk id="11" creationId="{21F02E95-C36D-2B40-8935-098180D5D021}"/>
          </ac:spMkLst>
        </pc:spChg>
        <pc:spChg chg="del mod">
          <ac:chgData name="Emelie Westall Lundqvist" userId="S::s221956@dtu.dk::3a6c0c6b-4056-4919-93f8-4a249b28df98" providerId="AD" clId="Web-{0087F299-9BBB-45D0-B472-E097B778B875}" dt="2022-12-17T16:28:42.818" v="48"/>
          <ac:spMkLst>
            <pc:docMk/>
            <pc:sldMk cId="147410912" sldId="299"/>
            <ac:spMk id="17" creationId="{386A0A3F-0987-CD07-9077-784FC812F19A}"/>
          </ac:spMkLst>
        </pc:spChg>
        <pc:spChg chg="del">
          <ac:chgData name="Emelie Westall Lundqvist" userId="S::s221956@dtu.dk::3a6c0c6b-4056-4919-93f8-4a249b28df98" providerId="AD" clId="Web-{0087F299-9BBB-45D0-B472-E097B778B875}" dt="2022-12-17T16:28:47.818" v="52"/>
          <ac:spMkLst>
            <pc:docMk/>
            <pc:sldMk cId="147410912" sldId="299"/>
            <ac:spMk id="18" creationId="{3622AC21-40AA-5BF5-DDD5-919D3FAAD8B0}"/>
          </ac:spMkLst>
        </pc:spChg>
        <pc:spChg chg="del">
          <ac:chgData name="Emelie Westall Lundqvist" userId="S::s221956@dtu.dk::3a6c0c6b-4056-4919-93f8-4a249b28df98" providerId="AD" clId="Web-{0087F299-9BBB-45D0-B472-E097B778B875}" dt="2022-12-17T16:28:37.833" v="42"/>
          <ac:spMkLst>
            <pc:docMk/>
            <pc:sldMk cId="147410912" sldId="299"/>
            <ac:spMk id="19" creationId="{87F03E5B-622E-14F0-BF9A-AC71881FCABD}"/>
          </ac:spMkLst>
        </pc:spChg>
        <pc:picChg chg="del">
          <ac:chgData name="Emelie Westall Lundqvist" userId="S::s221956@dtu.dk::3a6c0c6b-4056-4919-93f8-4a249b28df98" providerId="AD" clId="Web-{0087F299-9BBB-45D0-B472-E097B778B875}" dt="2022-12-17T16:28:37.833" v="43"/>
          <ac:picMkLst>
            <pc:docMk/>
            <pc:sldMk cId="147410912" sldId="299"/>
            <ac:picMk id="3" creationId="{17F4B1A4-475D-1E38-AA20-FF44E25DBDDE}"/>
          </ac:picMkLst>
        </pc:picChg>
        <pc:picChg chg="del">
          <ac:chgData name="Emelie Westall Lundqvist" userId="S::s221956@dtu.dk::3a6c0c6b-4056-4919-93f8-4a249b28df98" providerId="AD" clId="Web-{0087F299-9BBB-45D0-B472-E097B778B875}" dt="2022-12-17T16:28:48.755" v="53"/>
          <ac:picMkLst>
            <pc:docMk/>
            <pc:sldMk cId="147410912" sldId="299"/>
            <ac:picMk id="8" creationId="{C5787DBE-1E8B-6A17-2CDE-175AF7F1D399}"/>
          </ac:picMkLst>
        </pc:picChg>
        <pc:inkChg chg="del">
          <ac:chgData name="Emelie Westall Lundqvist" userId="S::s221956@dtu.dk::3a6c0c6b-4056-4919-93f8-4a249b28df98" providerId="AD" clId="Web-{0087F299-9BBB-45D0-B472-E097B778B875}" dt="2022-12-17T16:28:37.833" v="46"/>
          <ac:inkMkLst>
            <pc:docMk/>
            <pc:sldMk cId="147410912" sldId="299"/>
            <ac:inkMk id="25" creationId="{88493659-A85D-837E-6EDB-7ACEC99BBE4C}"/>
          </ac:inkMkLst>
        </pc:inkChg>
        <pc:inkChg chg="del">
          <ac:chgData name="Emelie Westall Lundqvist" userId="S::s221956@dtu.dk::3a6c0c6b-4056-4919-93f8-4a249b28df98" providerId="AD" clId="Web-{0087F299-9BBB-45D0-B472-E097B778B875}" dt="2022-12-17T16:28:37.833" v="45"/>
          <ac:inkMkLst>
            <pc:docMk/>
            <pc:sldMk cId="147410912" sldId="299"/>
            <ac:inkMk id="26" creationId="{AD8DC581-5E4B-5CF9-6428-E61E2E3EEDEA}"/>
          </ac:inkMkLst>
        </pc:inkChg>
      </pc:sldChg>
    </pc:docChg>
  </pc:docChgLst>
  <pc:docChgLst>
    <pc:chgData name="Emelie Westall Lundqvist" userId="S::s221956@dtu.dk::3a6c0c6b-4056-4919-93f8-4a249b28df98" providerId="AD" clId="Web-{B5FA58B3-3C2A-497F-8699-6F51C9331327}"/>
    <pc:docChg chg="addSld modSld">
      <pc:chgData name="Emelie Westall Lundqvist" userId="S::s221956@dtu.dk::3a6c0c6b-4056-4919-93f8-4a249b28df98" providerId="AD" clId="Web-{B5FA58B3-3C2A-497F-8699-6F51C9331327}" dt="2022-12-17T17:37:35.252" v="4" actId="20577"/>
      <pc:docMkLst>
        <pc:docMk/>
      </pc:docMkLst>
      <pc:sldChg chg="modSp add replId">
        <pc:chgData name="Emelie Westall Lundqvist" userId="S::s221956@dtu.dk::3a6c0c6b-4056-4919-93f8-4a249b28df98" providerId="AD" clId="Web-{B5FA58B3-3C2A-497F-8699-6F51C9331327}" dt="2022-12-17T17:37:35.252" v="4" actId="20577"/>
        <pc:sldMkLst>
          <pc:docMk/>
          <pc:sldMk cId="2415759273" sldId="300"/>
        </pc:sldMkLst>
        <pc:spChg chg="mod">
          <ac:chgData name="Emelie Westall Lundqvist" userId="S::s221956@dtu.dk::3a6c0c6b-4056-4919-93f8-4a249b28df98" providerId="AD" clId="Web-{B5FA58B3-3C2A-497F-8699-6F51C9331327}" dt="2022-12-17T17:37:35.252" v="4" actId="20577"/>
          <ac:spMkLst>
            <pc:docMk/>
            <pc:sldMk cId="2415759273" sldId="300"/>
            <ac:spMk id="3" creationId="{89E26569-BA16-7E1E-ACF2-21DBA23C3713}"/>
          </ac:spMkLst>
        </pc:spChg>
      </pc:sldChg>
    </pc:docChg>
  </pc:docChgLst>
  <pc:docChgLst>
    <pc:chgData name="Emelie Westall Lundqvist" userId="S::s221956@dtu.dk::3a6c0c6b-4056-4919-93f8-4a249b28df98" providerId="AD" clId="Web-{2EE1CC95-AC62-31AE-6006-5C269D2C5721}"/>
    <pc:docChg chg="modSld">
      <pc:chgData name="Emelie Westall Lundqvist" userId="S::s221956@dtu.dk::3a6c0c6b-4056-4919-93f8-4a249b28df98" providerId="AD" clId="Web-{2EE1CC95-AC62-31AE-6006-5C269D2C5721}" dt="2022-12-17T21:17:07.275" v="164" actId="20577"/>
      <pc:docMkLst>
        <pc:docMk/>
      </pc:docMkLst>
      <pc:sldChg chg="modSp">
        <pc:chgData name="Emelie Westall Lundqvist" userId="S::s221956@dtu.dk::3a6c0c6b-4056-4919-93f8-4a249b28df98" providerId="AD" clId="Web-{2EE1CC95-AC62-31AE-6006-5C269D2C5721}" dt="2022-12-17T21:16:00.008" v="142" actId="20577"/>
        <pc:sldMkLst>
          <pc:docMk/>
          <pc:sldMk cId="1797996451" sldId="289"/>
        </pc:sldMkLst>
        <pc:spChg chg="mod">
          <ac:chgData name="Emelie Westall Lundqvist" userId="S::s221956@dtu.dk::3a6c0c6b-4056-4919-93f8-4a249b28df98" providerId="AD" clId="Web-{2EE1CC95-AC62-31AE-6006-5C269D2C5721}" dt="2022-12-17T21:16:00.008" v="142" actId="20577"/>
          <ac:spMkLst>
            <pc:docMk/>
            <pc:sldMk cId="1797996451" sldId="289"/>
            <ac:spMk id="6" creationId="{8CC2B5EF-5FF7-19AF-E97D-3CF1633FE8E6}"/>
          </ac:spMkLst>
        </pc:spChg>
        <pc:graphicFrameChg chg="mod modGraphic">
          <ac:chgData name="Emelie Westall Lundqvist" userId="S::s221956@dtu.dk::3a6c0c6b-4056-4919-93f8-4a249b28df98" providerId="AD" clId="Web-{2EE1CC95-AC62-31AE-6006-5C269D2C5721}" dt="2022-12-17T21:14:29.286" v="114"/>
          <ac:graphicFrameMkLst>
            <pc:docMk/>
            <pc:sldMk cId="1797996451" sldId="289"/>
            <ac:graphicFrameMk id="11" creationId="{8AE5936C-2F83-F7AA-DDD1-13C0D37DC6BF}"/>
          </ac:graphicFrameMkLst>
        </pc:graphicFrameChg>
      </pc:sldChg>
      <pc:sldChg chg="addSp delSp modSp">
        <pc:chgData name="Emelie Westall Lundqvist" userId="S::s221956@dtu.dk::3a6c0c6b-4056-4919-93f8-4a249b28df98" providerId="AD" clId="Web-{2EE1CC95-AC62-31AE-6006-5C269D2C5721}" dt="2022-12-17T21:16:12.555" v="151" actId="20577"/>
        <pc:sldMkLst>
          <pc:docMk/>
          <pc:sldMk cId="2964722753" sldId="293"/>
        </pc:sldMkLst>
        <pc:spChg chg="mod">
          <ac:chgData name="Emelie Westall Lundqvist" userId="S::s221956@dtu.dk::3a6c0c6b-4056-4919-93f8-4a249b28df98" providerId="AD" clId="Web-{2EE1CC95-AC62-31AE-6006-5C269D2C5721}" dt="2022-12-17T21:16:12.555" v="151" actId="20577"/>
          <ac:spMkLst>
            <pc:docMk/>
            <pc:sldMk cId="2964722753" sldId="293"/>
            <ac:spMk id="6" creationId="{5D8353D7-0D70-D64C-26FA-61D1213C00ED}"/>
          </ac:spMkLst>
        </pc:spChg>
        <pc:spChg chg="mod">
          <ac:chgData name="Emelie Westall Lundqvist" userId="S::s221956@dtu.dk::3a6c0c6b-4056-4919-93f8-4a249b28df98" providerId="AD" clId="Web-{2EE1CC95-AC62-31AE-6006-5C269D2C5721}" dt="2022-12-17T21:06:59.122" v="9" actId="1076"/>
          <ac:spMkLst>
            <pc:docMk/>
            <pc:sldMk cId="2964722753" sldId="293"/>
            <ac:spMk id="11" creationId="{21F02E95-C36D-2B40-8935-098180D5D021}"/>
          </ac:spMkLst>
        </pc:spChg>
        <pc:spChg chg="mod">
          <ac:chgData name="Emelie Westall Lundqvist" userId="S::s221956@dtu.dk::3a6c0c6b-4056-4919-93f8-4a249b28df98" providerId="AD" clId="Web-{2EE1CC95-AC62-31AE-6006-5C269D2C5721}" dt="2022-12-17T21:06:35.137" v="3" actId="1076"/>
          <ac:spMkLst>
            <pc:docMk/>
            <pc:sldMk cId="2964722753" sldId="293"/>
            <ac:spMk id="13" creationId="{6823F278-D78A-FCD4-8A54-5F68922D2F58}"/>
          </ac:spMkLst>
        </pc:spChg>
        <pc:spChg chg="mod">
          <ac:chgData name="Emelie Westall Lundqvist" userId="S::s221956@dtu.dk::3a6c0c6b-4056-4919-93f8-4a249b28df98" providerId="AD" clId="Web-{2EE1CC95-AC62-31AE-6006-5C269D2C5721}" dt="2022-12-17T21:06:50.403" v="7" actId="20577"/>
          <ac:spMkLst>
            <pc:docMk/>
            <pc:sldMk cId="2964722753" sldId="293"/>
            <ac:spMk id="17" creationId="{386A0A3F-0987-CD07-9077-784FC812F19A}"/>
          </ac:spMkLst>
        </pc:spChg>
        <pc:spChg chg="mod">
          <ac:chgData name="Emelie Westall Lundqvist" userId="S::s221956@dtu.dk::3a6c0c6b-4056-4919-93f8-4a249b28df98" providerId="AD" clId="Web-{2EE1CC95-AC62-31AE-6006-5C269D2C5721}" dt="2022-12-17T21:06:32.668" v="2" actId="1076"/>
          <ac:spMkLst>
            <pc:docMk/>
            <pc:sldMk cId="2964722753" sldId="293"/>
            <ac:spMk id="18" creationId="{3622AC21-40AA-5BF5-DDD5-919D3FAAD8B0}"/>
          </ac:spMkLst>
        </pc:spChg>
        <pc:spChg chg="mod">
          <ac:chgData name="Emelie Westall Lundqvist" userId="S::s221956@dtu.dk::3a6c0c6b-4056-4919-93f8-4a249b28df98" providerId="AD" clId="Web-{2EE1CC95-AC62-31AE-6006-5C269D2C5721}" dt="2022-12-17T21:06:59.137" v="10" actId="1076"/>
          <ac:spMkLst>
            <pc:docMk/>
            <pc:sldMk cId="2964722753" sldId="293"/>
            <ac:spMk id="19" creationId="{87F03E5B-622E-14F0-BF9A-AC71881FCABD}"/>
          </ac:spMkLst>
        </pc:spChg>
        <pc:picChg chg="add mod">
          <ac:chgData name="Emelie Westall Lundqvist" userId="S::s221956@dtu.dk::3a6c0c6b-4056-4919-93f8-4a249b28df98" providerId="AD" clId="Web-{2EE1CC95-AC62-31AE-6006-5C269D2C5721}" dt="2022-12-17T21:10:37.594" v="35" actId="1076"/>
          <ac:picMkLst>
            <pc:docMk/>
            <pc:sldMk cId="2964722753" sldId="293"/>
            <ac:picMk id="2" creationId="{C31AA959-B626-AE55-11C8-A670CA162596}"/>
          </ac:picMkLst>
        </pc:picChg>
        <pc:picChg chg="mod">
          <ac:chgData name="Emelie Westall Lundqvist" userId="S::s221956@dtu.dk::3a6c0c6b-4056-4919-93f8-4a249b28df98" providerId="AD" clId="Web-{2EE1CC95-AC62-31AE-6006-5C269D2C5721}" dt="2022-12-17T21:06:29.856" v="1" actId="1076"/>
          <ac:picMkLst>
            <pc:docMk/>
            <pc:sldMk cId="2964722753" sldId="293"/>
            <ac:picMk id="8" creationId="{C5787DBE-1E8B-6A17-2CDE-175AF7F1D399}"/>
          </ac:picMkLst>
        </pc:picChg>
        <pc:picChg chg="del mod">
          <ac:chgData name="Emelie Westall Lundqvist" userId="S::s221956@dtu.dk::3a6c0c6b-4056-4919-93f8-4a249b28df98" providerId="AD" clId="Web-{2EE1CC95-AC62-31AE-6006-5C269D2C5721}" dt="2022-12-17T21:09:11.515" v="17"/>
          <ac:picMkLst>
            <pc:docMk/>
            <pc:sldMk cId="2964722753" sldId="293"/>
            <ac:picMk id="12" creationId="{4FCAD44F-E358-114B-A2BE-E605848F38DA}"/>
          </ac:picMkLst>
        </pc:picChg>
        <pc:inkChg chg="add del">
          <ac:chgData name="Emelie Westall Lundqvist" userId="S::s221956@dtu.dk::3a6c0c6b-4056-4919-93f8-4a249b28df98" providerId="AD" clId="Web-{2EE1CC95-AC62-31AE-6006-5C269D2C5721}" dt="2022-12-17T21:09:45.828" v="27"/>
          <ac:inkMkLst>
            <pc:docMk/>
            <pc:sldMk cId="2964722753" sldId="293"/>
            <ac:inkMk id="14" creationId="{DF2E3F0B-A06A-D4EF-0598-A33324916E06}"/>
          </ac:inkMkLst>
        </pc:inkChg>
        <pc:inkChg chg="add del">
          <ac:chgData name="Emelie Westall Lundqvist" userId="S::s221956@dtu.dk::3a6c0c6b-4056-4919-93f8-4a249b28df98" providerId="AD" clId="Web-{2EE1CC95-AC62-31AE-6006-5C269D2C5721}" dt="2022-12-17T21:09:44.484" v="26"/>
          <ac:inkMkLst>
            <pc:docMk/>
            <pc:sldMk cId="2964722753" sldId="293"/>
            <ac:inkMk id="16" creationId="{643ADD20-5991-1D26-4CE1-6D751254E847}"/>
          </ac:inkMkLst>
        </pc:inkChg>
        <pc:inkChg chg="add del">
          <ac:chgData name="Emelie Westall Lundqvist" userId="S::s221956@dtu.dk::3a6c0c6b-4056-4919-93f8-4a249b28df98" providerId="AD" clId="Web-{2EE1CC95-AC62-31AE-6006-5C269D2C5721}" dt="2022-12-17T21:09:57.890" v="29"/>
          <ac:inkMkLst>
            <pc:docMk/>
            <pc:sldMk cId="2964722753" sldId="293"/>
            <ac:inkMk id="20" creationId="{D5E0D914-FD18-4FF1-2255-CF7EF049BBA9}"/>
          </ac:inkMkLst>
        </pc:inkChg>
        <pc:inkChg chg="add del">
          <ac:chgData name="Emelie Westall Lundqvist" userId="S::s221956@dtu.dk::3a6c0c6b-4056-4919-93f8-4a249b28df98" providerId="AD" clId="Web-{2EE1CC95-AC62-31AE-6006-5C269D2C5721}" dt="2022-12-17T21:10:03.672" v="31"/>
          <ac:inkMkLst>
            <pc:docMk/>
            <pc:sldMk cId="2964722753" sldId="293"/>
            <ac:inkMk id="21" creationId="{7E0B4F80-DAE8-FA5F-DE41-3D68B0FBC863}"/>
          </ac:inkMkLst>
        </pc:inkChg>
        <pc:inkChg chg="add del">
          <ac:chgData name="Emelie Westall Lundqvist" userId="S::s221956@dtu.dk::3a6c0c6b-4056-4919-93f8-4a249b28df98" providerId="AD" clId="Web-{2EE1CC95-AC62-31AE-6006-5C269D2C5721}" dt="2022-12-17T21:11:08.438" v="36"/>
          <ac:inkMkLst>
            <pc:docMk/>
            <pc:sldMk cId="2964722753" sldId="293"/>
            <ac:inkMk id="22" creationId="{7AE5D9B0-D96F-46EA-A484-2D462FCFF0DC}"/>
          </ac:inkMkLst>
        </pc:inkChg>
        <pc:inkChg chg="add del">
          <ac:chgData name="Emelie Westall Lundqvist" userId="S::s221956@dtu.dk::3a6c0c6b-4056-4919-93f8-4a249b28df98" providerId="AD" clId="Web-{2EE1CC95-AC62-31AE-6006-5C269D2C5721}" dt="2022-12-17T21:11:09.767" v="37"/>
          <ac:inkMkLst>
            <pc:docMk/>
            <pc:sldMk cId="2964722753" sldId="293"/>
            <ac:inkMk id="23" creationId="{E736B7DD-3C34-B6D7-25D2-30C9289AF601}"/>
          </ac:inkMkLst>
        </pc:inkChg>
        <pc:inkChg chg="add">
          <ac:chgData name="Emelie Westall Lundqvist" userId="S::s221956@dtu.dk::3a6c0c6b-4056-4919-93f8-4a249b28df98" providerId="AD" clId="Web-{2EE1CC95-AC62-31AE-6006-5C269D2C5721}" dt="2022-12-17T21:11:28.783" v="38"/>
          <ac:inkMkLst>
            <pc:docMk/>
            <pc:sldMk cId="2964722753" sldId="293"/>
            <ac:inkMk id="24" creationId="{ABD4C317-2825-7832-C49B-6BDBE07B100A}"/>
          </ac:inkMkLst>
        </pc:inkChg>
        <pc:inkChg chg="mod">
          <ac:chgData name="Emelie Westall Lundqvist" userId="S::s221956@dtu.dk::3a6c0c6b-4056-4919-93f8-4a249b28df98" providerId="AD" clId="Web-{2EE1CC95-AC62-31AE-6006-5C269D2C5721}" dt="2022-12-17T21:06:59.090" v="8" actId="1076"/>
          <ac:inkMkLst>
            <pc:docMk/>
            <pc:sldMk cId="2964722753" sldId="293"/>
            <ac:inkMk id="27" creationId="{A82C6F91-773A-3253-D22B-08FD0E52F7AE}"/>
          </ac:inkMkLst>
        </pc:inkChg>
        <pc:inkChg chg="add del">
          <ac:chgData name="Emelie Westall Lundqvist" userId="S::s221956@dtu.dk::3a6c0c6b-4056-4919-93f8-4a249b28df98" providerId="AD" clId="Web-{2EE1CC95-AC62-31AE-6006-5C269D2C5721}" dt="2022-12-17T21:11:43.345" v="40"/>
          <ac:inkMkLst>
            <pc:docMk/>
            <pc:sldMk cId="2964722753" sldId="293"/>
            <ac:inkMk id="28" creationId="{1D347DC3-E146-1776-F287-4AE8CB36049F}"/>
          </ac:inkMkLst>
        </pc:inkChg>
        <pc:inkChg chg="add">
          <ac:chgData name="Emelie Westall Lundqvist" userId="S::s221956@dtu.dk::3a6c0c6b-4056-4919-93f8-4a249b28df98" providerId="AD" clId="Web-{2EE1CC95-AC62-31AE-6006-5C269D2C5721}" dt="2022-12-17T21:11:49.970" v="41"/>
          <ac:inkMkLst>
            <pc:docMk/>
            <pc:sldMk cId="2964722753" sldId="293"/>
            <ac:inkMk id="29" creationId="{BC41A960-211C-A470-37C9-A3D1779171F9}"/>
          </ac:inkMkLst>
        </pc:inkChg>
      </pc:sldChg>
      <pc:sldChg chg="modSp">
        <pc:chgData name="Emelie Westall Lundqvist" userId="S::s221956@dtu.dk::3a6c0c6b-4056-4919-93f8-4a249b28df98" providerId="AD" clId="Web-{2EE1CC95-AC62-31AE-6006-5C269D2C5721}" dt="2022-12-17T21:17:07.275" v="164" actId="20577"/>
        <pc:sldMkLst>
          <pc:docMk/>
          <pc:sldMk cId="3126814601" sldId="297"/>
        </pc:sldMkLst>
        <pc:spChg chg="mod">
          <ac:chgData name="Emelie Westall Lundqvist" userId="S::s221956@dtu.dk::3a6c0c6b-4056-4919-93f8-4a249b28df98" providerId="AD" clId="Web-{2EE1CC95-AC62-31AE-6006-5C269D2C5721}" dt="2022-12-17T21:17:07.275" v="164" actId="20577"/>
          <ac:spMkLst>
            <pc:docMk/>
            <pc:sldMk cId="3126814601" sldId="297"/>
            <ac:spMk id="13" creationId="{CABFC6CC-4D5B-3489-5C52-8093FD66CBFD}"/>
          </ac:spMkLst>
        </pc:spChg>
        <pc:spChg chg="mod">
          <ac:chgData name="Emelie Westall Lundqvist" userId="S::s221956@dtu.dk::3a6c0c6b-4056-4919-93f8-4a249b28df98" providerId="AD" clId="Web-{2EE1CC95-AC62-31AE-6006-5C269D2C5721}" dt="2022-12-17T21:17:05.775" v="163" actId="20577"/>
          <ac:spMkLst>
            <pc:docMk/>
            <pc:sldMk cId="3126814601" sldId="297"/>
            <ac:spMk id="15" creationId="{C9B6672D-8150-DE86-4608-A4295233B68D}"/>
          </ac:spMkLst>
        </pc:spChg>
      </pc:sldChg>
      <pc:sldChg chg="modSp">
        <pc:chgData name="Emelie Westall Lundqvist" userId="S::s221956@dtu.dk::3a6c0c6b-4056-4919-93f8-4a249b28df98" providerId="AD" clId="Web-{2EE1CC95-AC62-31AE-6006-5C269D2C5721}" dt="2022-12-17T21:16:29.790" v="161" actId="20577"/>
        <pc:sldMkLst>
          <pc:docMk/>
          <pc:sldMk cId="147410912" sldId="299"/>
        </pc:sldMkLst>
        <pc:spChg chg="mod">
          <ac:chgData name="Emelie Westall Lundqvist" userId="S::s221956@dtu.dk::3a6c0c6b-4056-4919-93f8-4a249b28df98" providerId="AD" clId="Web-{2EE1CC95-AC62-31AE-6006-5C269D2C5721}" dt="2022-12-17T21:16:29.790" v="161" actId="20577"/>
          <ac:spMkLst>
            <pc:docMk/>
            <pc:sldMk cId="147410912" sldId="299"/>
            <ac:spMk id="2" creationId="{BE5E7107-05AC-4FC1-2B80-7AFF3A52AAAD}"/>
          </ac:spMkLst>
        </pc:spChg>
      </pc:sldChg>
    </pc:docChg>
  </pc:docChgLst>
  <pc:docChgLst>
    <pc:chgData name="Emelie Westall Lundqvist" userId="S::s221956@dtu.dk::3a6c0c6b-4056-4919-93f8-4a249b28df98" providerId="AD" clId="Web-{AFECA5F4-E50E-FBE7-6950-28EFE57D5582}"/>
    <pc:docChg chg="modSld">
      <pc:chgData name="Emelie Westall Lundqvist" userId="S::s221956@dtu.dk::3a6c0c6b-4056-4919-93f8-4a249b28df98" providerId="AD" clId="Web-{AFECA5F4-E50E-FBE7-6950-28EFE57D5582}" dt="2022-12-16T12:26:14.800" v="0" actId="20577"/>
      <pc:docMkLst>
        <pc:docMk/>
      </pc:docMkLst>
      <pc:sldChg chg="modSp">
        <pc:chgData name="Emelie Westall Lundqvist" userId="S::s221956@dtu.dk::3a6c0c6b-4056-4919-93f8-4a249b28df98" providerId="AD" clId="Web-{AFECA5F4-E50E-FBE7-6950-28EFE57D5582}" dt="2022-12-16T12:26:14.800" v="0" actId="20577"/>
        <pc:sldMkLst>
          <pc:docMk/>
          <pc:sldMk cId="3846275707" sldId="294"/>
        </pc:sldMkLst>
        <pc:spChg chg="mod">
          <ac:chgData name="Emelie Westall Lundqvist" userId="S::s221956@dtu.dk::3a6c0c6b-4056-4919-93f8-4a249b28df98" providerId="AD" clId="Web-{AFECA5F4-E50E-FBE7-6950-28EFE57D5582}" dt="2022-12-16T12:26:14.800" v="0" actId="20577"/>
          <ac:spMkLst>
            <pc:docMk/>
            <pc:sldMk cId="3846275707" sldId="294"/>
            <ac:spMk id="16" creationId="{2C50E046-72B5-F75D-B795-A65DAE928436}"/>
          </ac:spMkLst>
        </pc:spChg>
      </pc:sldChg>
    </pc:docChg>
  </pc:docChgLst>
  <pc:docChgLst>
    <pc:chgData name="Emelie Westall Lundqvist" userId="S::s221956@dtu.dk::3a6c0c6b-4056-4919-93f8-4a249b28df98" providerId="AD" clId="Web-{F769E75E-ED94-4850-9160-DFF4F890349F}"/>
    <pc:docChg chg="modSld">
      <pc:chgData name="Emelie Westall Lundqvist" userId="S::s221956@dtu.dk::3a6c0c6b-4056-4919-93f8-4a249b28df98" providerId="AD" clId="Web-{F769E75E-ED94-4850-9160-DFF4F890349F}" dt="2022-12-18T08:38:12.363" v="33" actId="20577"/>
      <pc:docMkLst>
        <pc:docMk/>
      </pc:docMkLst>
      <pc:sldChg chg="modSp">
        <pc:chgData name="Emelie Westall Lundqvist" userId="S::s221956@dtu.dk::3a6c0c6b-4056-4919-93f8-4a249b28df98" providerId="AD" clId="Web-{F769E75E-ED94-4850-9160-DFF4F890349F}" dt="2022-12-18T08:38:12.363" v="33" actId="20577"/>
        <pc:sldMkLst>
          <pc:docMk/>
          <pc:sldMk cId="3126814601" sldId="297"/>
        </pc:sldMkLst>
        <pc:spChg chg="mod">
          <ac:chgData name="Emelie Westall Lundqvist" userId="S::s221956@dtu.dk::3a6c0c6b-4056-4919-93f8-4a249b28df98" providerId="AD" clId="Web-{F769E75E-ED94-4850-9160-DFF4F890349F}" dt="2022-12-18T08:38:12.363" v="33" actId="20577"/>
          <ac:spMkLst>
            <pc:docMk/>
            <pc:sldMk cId="3126814601" sldId="297"/>
            <ac:spMk id="15" creationId="{C9B6672D-8150-DE86-4608-A4295233B68D}"/>
          </ac:spMkLst>
        </pc:spChg>
        <pc:spChg chg="mod">
          <ac:chgData name="Emelie Westall Lundqvist" userId="S::s221956@dtu.dk::3a6c0c6b-4056-4919-93f8-4a249b28df98" providerId="AD" clId="Web-{F769E75E-ED94-4850-9160-DFF4F890349F}" dt="2022-12-18T08:38:04.301" v="30" actId="20577"/>
          <ac:spMkLst>
            <pc:docMk/>
            <pc:sldMk cId="3126814601" sldId="297"/>
            <ac:spMk id="18" creationId="{FE3EE6A0-0B57-DB9F-CC58-4AEEB5A2F024}"/>
          </ac:spMkLst>
        </pc:spChg>
      </pc:sldChg>
      <pc:sldChg chg="modSp">
        <pc:chgData name="Emelie Westall Lundqvist" userId="S::s221956@dtu.dk::3a6c0c6b-4056-4919-93f8-4a249b28df98" providerId="AD" clId="Web-{F769E75E-ED94-4850-9160-DFF4F890349F}" dt="2022-12-18T08:35:53.517" v="11"/>
        <pc:sldMkLst>
          <pc:docMk/>
          <pc:sldMk cId="78516677" sldId="302"/>
        </pc:sldMkLst>
        <pc:graphicFrameChg chg="modGraphic">
          <ac:chgData name="Emelie Westall Lundqvist" userId="S::s221956@dtu.dk::3a6c0c6b-4056-4919-93f8-4a249b28df98" providerId="AD" clId="Web-{F769E75E-ED94-4850-9160-DFF4F890349F}" dt="2022-12-18T08:35:53.517" v="11"/>
          <ac:graphicFrameMkLst>
            <pc:docMk/>
            <pc:sldMk cId="78516677" sldId="302"/>
            <ac:graphicFrameMk id="5" creationId="{4544B3EB-0A21-16D6-6D95-80FF39C486E3}"/>
          </ac:graphicFrameMkLst>
        </pc:graphicFrameChg>
      </pc:sldChg>
    </pc:docChg>
  </pc:docChgLst>
  <pc:docChgLst>
    <pc:chgData name="Nikolas Vitaliti" userId="8c720cfb-423e-41d2-902f-4cf486698773" providerId="ADAL" clId="{62997C9C-495E-4E2C-9553-43074B397A76}"/>
    <pc:docChg chg="undo redo custSel addSld delSld modSld sldOrd">
      <pc:chgData name="Nikolas Vitaliti" userId="8c720cfb-423e-41d2-902f-4cf486698773" providerId="ADAL" clId="{62997C9C-495E-4E2C-9553-43074B397A76}" dt="2022-12-17T21:16:51.436" v="4034" actId="2710"/>
      <pc:docMkLst>
        <pc:docMk/>
      </pc:docMkLst>
      <pc:sldChg chg="modSp new del mod">
        <pc:chgData name="Nikolas Vitaliti" userId="8c720cfb-423e-41d2-902f-4cf486698773" providerId="ADAL" clId="{62997C9C-495E-4E2C-9553-43074B397A76}" dt="2022-12-16T12:50:04.367" v="917" actId="47"/>
        <pc:sldMkLst>
          <pc:docMk/>
          <pc:sldMk cId="749398772" sldId="287"/>
        </pc:sldMkLst>
        <pc:spChg chg="mod">
          <ac:chgData name="Nikolas Vitaliti" userId="8c720cfb-423e-41d2-902f-4cf486698773" providerId="ADAL" clId="{62997C9C-495E-4E2C-9553-43074B397A76}" dt="2022-12-16T08:23:54.770" v="35" actId="20577"/>
          <ac:spMkLst>
            <pc:docMk/>
            <pc:sldMk cId="749398772" sldId="287"/>
            <ac:spMk id="2" creationId="{B451D581-7082-D242-4738-69755772D6CD}"/>
          </ac:spMkLst>
        </pc:spChg>
        <pc:spChg chg="mod">
          <ac:chgData name="Nikolas Vitaliti" userId="8c720cfb-423e-41d2-902f-4cf486698773" providerId="ADAL" clId="{62997C9C-495E-4E2C-9553-43074B397A76}" dt="2022-12-16T09:03:10.298" v="462" actId="20577"/>
          <ac:spMkLst>
            <pc:docMk/>
            <pc:sldMk cId="749398772" sldId="287"/>
            <ac:spMk id="3" creationId="{A882A5CF-AF62-1DCB-A8FA-6A819DE107AC}"/>
          </ac:spMkLst>
        </pc:spChg>
      </pc:sldChg>
      <pc:sldChg chg="new del">
        <pc:chgData name="Nikolas Vitaliti" userId="8c720cfb-423e-41d2-902f-4cf486698773" providerId="ADAL" clId="{62997C9C-495E-4E2C-9553-43074B397A76}" dt="2022-12-16T08:23:04.771" v="1" actId="47"/>
        <pc:sldMkLst>
          <pc:docMk/>
          <pc:sldMk cId="1170961178" sldId="287"/>
        </pc:sldMkLst>
      </pc:sldChg>
      <pc:sldChg chg="addSp delSp modSp mod">
        <pc:chgData name="Nikolas Vitaliti" userId="8c720cfb-423e-41d2-902f-4cf486698773" providerId="ADAL" clId="{62997C9C-495E-4E2C-9553-43074B397A76}" dt="2022-12-16T14:00:14.070" v="1666" actId="1076"/>
        <pc:sldMkLst>
          <pc:docMk/>
          <pc:sldMk cId="1797996451" sldId="289"/>
        </pc:sldMkLst>
        <pc:spChg chg="add mod">
          <ac:chgData name="Nikolas Vitaliti" userId="8c720cfb-423e-41d2-902f-4cf486698773" providerId="ADAL" clId="{62997C9C-495E-4E2C-9553-43074B397A76}" dt="2022-12-16T10:35:24.820" v="477" actId="5793"/>
          <ac:spMkLst>
            <pc:docMk/>
            <pc:sldMk cId="1797996451" sldId="289"/>
            <ac:spMk id="2" creationId="{581037F8-FDAA-CF34-CCE7-CC7A353AFB53}"/>
          </ac:spMkLst>
        </pc:spChg>
        <pc:spChg chg="mod">
          <ac:chgData name="Nikolas Vitaliti" userId="8c720cfb-423e-41d2-902f-4cf486698773" providerId="ADAL" clId="{62997C9C-495E-4E2C-9553-43074B397A76}" dt="2022-12-16T14:00:05.210" v="1664" actId="1076"/>
          <ac:spMkLst>
            <pc:docMk/>
            <pc:sldMk cId="1797996451" sldId="289"/>
            <ac:spMk id="3" creationId="{FA3B3913-113B-2D76-0B58-5B12C8D69022}"/>
          </ac:spMkLst>
        </pc:spChg>
        <pc:spChg chg="mod">
          <ac:chgData name="Nikolas Vitaliti" userId="8c720cfb-423e-41d2-902f-4cf486698773" providerId="ADAL" clId="{62997C9C-495E-4E2C-9553-43074B397A76}" dt="2022-12-16T14:00:14.070" v="1666" actId="1076"/>
          <ac:spMkLst>
            <pc:docMk/>
            <pc:sldMk cId="1797996451" sldId="289"/>
            <ac:spMk id="6" creationId="{8CC2B5EF-5FF7-19AF-E97D-3CF1633FE8E6}"/>
          </ac:spMkLst>
        </pc:spChg>
        <pc:spChg chg="add mod">
          <ac:chgData name="Nikolas Vitaliti" userId="8c720cfb-423e-41d2-902f-4cf486698773" providerId="ADAL" clId="{62997C9C-495E-4E2C-9553-43074B397A76}" dt="2022-12-16T13:59:57.772" v="1662" actId="1076"/>
          <ac:spMkLst>
            <pc:docMk/>
            <pc:sldMk cId="1797996451" sldId="289"/>
            <ac:spMk id="13" creationId="{F54B9FC0-D5BA-158E-6577-9E4BB53F535A}"/>
          </ac:spMkLst>
        </pc:spChg>
        <pc:spChg chg="add del mod">
          <ac:chgData name="Nikolas Vitaliti" userId="8c720cfb-423e-41d2-902f-4cf486698773" providerId="ADAL" clId="{62997C9C-495E-4E2C-9553-43074B397A76}" dt="2022-12-16T13:59:51.053" v="1660" actId="478"/>
          <ac:spMkLst>
            <pc:docMk/>
            <pc:sldMk cId="1797996451" sldId="289"/>
            <ac:spMk id="14" creationId="{673DA3AD-A369-AC32-8E73-5C0B465A5810}"/>
          </ac:spMkLst>
        </pc:spChg>
        <pc:spChg chg="add mod">
          <ac:chgData name="Nikolas Vitaliti" userId="8c720cfb-423e-41d2-902f-4cf486698773" providerId="ADAL" clId="{62997C9C-495E-4E2C-9553-43074B397A76}" dt="2022-12-16T13:59:45.773" v="1659" actId="20577"/>
          <ac:spMkLst>
            <pc:docMk/>
            <pc:sldMk cId="1797996451" sldId="289"/>
            <ac:spMk id="16" creationId="{27BBFA20-C223-7CC1-06DE-D20C2F54DBB5}"/>
          </ac:spMkLst>
        </pc:spChg>
        <pc:graphicFrameChg chg="mod">
          <ac:chgData name="Nikolas Vitaliti" userId="8c720cfb-423e-41d2-902f-4cf486698773" providerId="ADAL" clId="{62997C9C-495E-4E2C-9553-43074B397A76}" dt="2022-12-16T14:00:07.648" v="1665" actId="1076"/>
          <ac:graphicFrameMkLst>
            <pc:docMk/>
            <pc:sldMk cId="1797996451" sldId="289"/>
            <ac:graphicFrameMk id="11" creationId="{8AE5936C-2F83-F7AA-DDD1-13C0D37DC6BF}"/>
          </ac:graphicFrameMkLst>
        </pc:graphicFrameChg>
        <pc:picChg chg="mod modCrop">
          <ac:chgData name="Nikolas Vitaliti" userId="8c720cfb-423e-41d2-902f-4cf486698773" providerId="ADAL" clId="{62997C9C-495E-4E2C-9553-43074B397A76}" dt="2022-12-16T14:00:02.726" v="1663" actId="1076"/>
          <ac:picMkLst>
            <pc:docMk/>
            <pc:sldMk cId="1797996451" sldId="289"/>
            <ac:picMk id="5" creationId="{447D1764-CA9E-8629-9BAB-21F76F9C8889}"/>
          </ac:picMkLst>
        </pc:picChg>
        <pc:picChg chg="mod">
          <ac:chgData name="Nikolas Vitaliti" userId="8c720cfb-423e-41d2-902f-4cf486698773" providerId="ADAL" clId="{62997C9C-495E-4E2C-9553-43074B397A76}" dt="2022-12-16T11:07:15.666" v="506" actId="1076"/>
          <ac:picMkLst>
            <pc:docMk/>
            <pc:sldMk cId="1797996451" sldId="289"/>
            <ac:picMk id="10" creationId="{7AA63D76-AE5D-3B83-AFFC-B428EF1BA53E}"/>
          </ac:picMkLst>
        </pc:picChg>
        <pc:inkChg chg="mod">
          <ac:chgData name="Nikolas Vitaliti" userId="8c720cfb-423e-41d2-902f-4cf486698773" providerId="ADAL" clId="{62997C9C-495E-4E2C-9553-43074B397A76}" dt="2022-12-16T11:06:04.899" v="496" actId="1076"/>
          <ac:inkMkLst>
            <pc:docMk/>
            <pc:sldMk cId="1797996451" sldId="289"/>
            <ac:inkMk id="2" creationId="{27C00042-08E8-CCC7-B61F-6371719877FB}"/>
          </ac:inkMkLst>
        </pc:inkChg>
        <pc:inkChg chg="mod">
          <ac:chgData name="Nikolas Vitaliti" userId="8c720cfb-423e-41d2-902f-4cf486698773" providerId="ADAL" clId="{62997C9C-495E-4E2C-9553-43074B397A76}" dt="2022-12-16T11:06:04.899" v="496" actId="1076"/>
          <ac:inkMkLst>
            <pc:docMk/>
            <pc:sldMk cId="1797996451" sldId="289"/>
            <ac:inkMk id="15" creationId="{0EA3CF76-C092-8905-62FA-468100DD4FB9}"/>
          </ac:inkMkLst>
        </pc:inkChg>
        <pc:cxnChg chg="add mod">
          <ac:chgData name="Nikolas Vitaliti" userId="8c720cfb-423e-41d2-902f-4cf486698773" providerId="ADAL" clId="{62997C9C-495E-4E2C-9553-43074B397A76}" dt="2022-12-16T11:07:24.310" v="507" actId="1076"/>
          <ac:cxnSpMkLst>
            <pc:docMk/>
            <pc:sldMk cId="1797996451" sldId="289"/>
            <ac:cxnSpMk id="8" creationId="{9F739EB6-5196-2E1F-9A9A-D637ED4DA9BA}"/>
          </ac:cxnSpMkLst>
        </pc:cxnChg>
        <pc:cxnChg chg="add mod">
          <ac:chgData name="Nikolas Vitaliti" userId="8c720cfb-423e-41d2-902f-4cf486698773" providerId="ADAL" clId="{62997C9C-495E-4E2C-9553-43074B397A76}" dt="2022-12-16T11:07:24.310" v="507" actId="1076"/>
          <ac:cxnSpMkLst>
            <pc:docMk/>
            <pc:sldMk cId="1797996451" sldId="289"/>
            <ac:cxnSpMk id="18" creationId="{B567DABD-0DF5-8DBD-504E-127C62927307}"/>
          </ac:cxnSpMkLst>
        </pc:cxnChg>
      </pc:sldChg>
      <pc:sldChg chg="addSp delSp modSp del mod modNotesTx">
        <pc:chgData name="Nikolas Vitaliti" userId="8c720cfb-423e-41d2-902f-4cf486698773" providerId="ADAL" clId="{62997C9C-495E-4E2C-9553-43074B397A76}" dt="2022-12-17T20:12:16.455" v="2048" actId="47"/>
        <pc:sldMkLst>
          <pc:docMk/>
          <pc:sldMk cId="1709986772" sldId="291"/>
        </pc:sldMkLst>
        <pc:spChg chg="del mod">
          <ac:chgData name="Nikolas Vitaliti" userId="8c720cfb-423e-41d2-902f-4cf486698773" providerId="ADAL" clId="{62997C9C-495E-4E2C-9553-43074B397A76}" dt="2022-12-16T12:14:57.296" v="689" actId="478"/>
          <ac:spMkLst>
            <pc:docMk/>
            <pc:sldMk cId="1709986772" sldId="291"/>
            <ac:spMk id="2" creationId="{96A946B8-89D0-6D9E-B889-E54BBF23DF16}"/>
          </ac:spMkLst>
        </pc:spChg>
        <pc:spChg chg="mod">
          <ac:chgData name="Nikolas Vitaliti" userId="8c720cfb-423e-41d2-902f-4cf486698773" providerId="ADAL" clId="{62997C9C-495E-4E2C-9553-43074B397A76}" dt="2022-12-16T14:26:11.151" v="1825" actId="5793"/>
          <ac:spMkLst>
            <pc:docMk/>
            <pc:sldMk cId="1709986772" sldId="291"/>
            <ac:spMk id="3" creationId="{89E26569-BA16-7E1E-ACF2-21DBA23C3713}"/>
          </ac:spMkLst>
        </pc:spChg>
        <pc:spChg chg="add mod">
          <ac:chgData name="Nikolas Vitaliti" userId="8c720cfb-423e-41d2-902f-4cf486698773" providerId="ADAL" clId="{62997C9C-495E-4E2C-9553-43074B397A76}" dt="2022-12-16T12:15:17.516" v="705" actId="14100"/>
          <ac:spMkLst>
            <pc:docMk/>
            <pc:sldMk cId="1709986772" sldId="291"/>
            <ac:spMk id="6" creationId="{BEBD2B5D-B1B7-8804-2DFF-6FC100134774}"/>
          </ac:spMkLst>
        </pc:spChg>
        <pc:spChg chg="add del mod">
          <ac:chgData name="Nikolas Vitaliti" userId="8c720cfb-423e-41d2-902f-4cf486698773" providerId="ADAL" clId="{62997C9C-495E-4E2C-9553-43074B397A76}" dt="2022-12-16T12:14:59.984" v="690" actId="478"/>
          <ac:spMkLst>
            <pc:docMk/>
            <pc:sldMk cId="1709986772" sldId="291"/>
            <ac:spMk id="7" creationId="{231BCE1A-0C5B-7905-EA70-3E6F18AAD55C}"/>
          </ac:spMkLst>
        </pc:spChg>
        <pc:spChg chg="add del mod">
          <ac:chgData name="Nikolas Vitaliti" userId="8c720cfb-423e-41d2-902f-4cf486698773" providerId="ADAL" clId="{62997C9C-495E-4E2C-9553-43074B397A76}" dt="2022-12-16T12:15:19.766" v="706" actId="478"/>
          <ac:spMkLst>
            <pc:docMk/>
            <pc:sldMk cId="1709986772" sldId="291"/>
            <ac:spMk id="8" creationId="{20101D56-96AE-9EB5-BF39-E58B2BECCEB9}"/>
          </ac:spMkLst>
        </pc:spChg>
        <pc:spChg chg="add mod">
          <ac:chgData name="Nikolas Vitaliti" userId="8c720cfb-423e-41d2-902f-4cf486698773" providerId="ADAL" clId="{62997C9C-495E-4E2C-9553-43074B397A76}" dt="2022-12-16T12:15:37.048" v="720" actId="14100"/>
          <ac:spMkLst>
            <pc:docMk/>
            <pc:sldMk cId="1709986772" sldId="291"/>
            <ac:spMk id="9" creationId="{6D7B45B7-3FFF-6874-0FED-88BB7D81D986}"/>
          </ac:spMkLst>
        </pc:spChg>
        <pc:spChg chg="add mod">
          <ac:chgData name="Nikolas Vitaliti" userId="8c720cfb-423e-41d2-902f-4cf486698773" providerId="ADAL" clId="{62997C9C-495E-4E2C-9553-43074B397A76}" dt="2022-12-16T13:20:42.803" v="1081" actId="207"/>
          <ac:spMkLst>
            <pc:docMk/>
            <pc:sldMk cId="1709986772" sldId="291"/>
            <ac:spMk id="14" creationId="{1737F13D-0CBA-A0C0-31D6-1A9B989880B4}"/>
          </ac:spMkLst>
        </pc:spChg>
        <pc:spChg chg="add mod">
          <ac:chgData name="Nikolas Vitaliti" userId="8c720cfb-423e-41d2-902f-4cf486698773" providerId="ADAL" clId="{62997C9C-495E-4E2C-9553-43074B397A76}" dt="2022-12-16T13:20:50.428" v="1084" actId="207"/>
          <ac:spMkLst>
            <pc:docMk/>
            <pc:sldMk cId="1709986772" sldId="291"/>
            <ac:spMk id="24" creationId="{D9246612-B4AD-7A78-0FFB-DCDFDC32932D}"/>
          </ac:spMkLst>
        </pc:spChg>
        <pc:picChg chg="del mod">
          <ac:chgData name="Nikolas Vitaliti" userId="8c720cfb-423e-41d2-902f-4cf486698773" providerId="ADAL" clId="{62997C9C-495E-4E2C-9553-43074B397A76}" dt="2022-12-16T13:04:30.815" v="966" actId="478"/>
          <ac:picMkLst>
            <pc:docMk/>
            <pc:sldMk cId="1709986772" sldId="291"/>
            <ac:picMk id="5" creationId="{CD2C2D34-3B9C-31F7-3ADD-47F79F1D5C60}"/>
          </ac:picMkLst>
        </pc:picChg>
        <pc:picChg chg="add del mod">
          <ac:chgData name="Nikolas Vitaliti" userId="8c720cfb-423e-41d2-902f-4cf486698773" providerId="ADAL" clId="{62997C9C-495E-4E2C-9553-43074B397A76}" dt="2022-12-16T13:04:16.174" v="960" actId="478"/>
          <ac:picMkLst>
            <pc:docMk/>
            <pc:sldMk cId="1709986772" sldId="291"/>
            <ac:picMk id="12" creationId="{035DE09D-C6AC-69C9-B971-F6607E1CCF3D}"/>
          </ac:picMkLst>
        </pc:picChg>
        <pc:picChg chg="add mod">
          <ac:chgData name="Nikolas Vitaliti" userId="8c720cfb-423e-41d2-902f-4cf486698773" providerId="ADAL" clId="{62997C9C-495E-4E2C-9553-43074B397A76}" dt="2022-12-16T13:20:35.350" v="1079" actId="1076"/>
          <ac:picMkLst>
            <pc:docMk/>
            <pc:sldMk cId="1709986772" sldId="291"/>
            <ac:picMk id="16" creationId="{BE9025E5-F2D6-B905-B30D-9E10BDAD3A39}"/>
          </ac:picMkLst>
        </pc:picChg>
        <pc:picChg chg="add mod">
          <ac:chgData name="Nikolas Vitaliti" userId="8c720cfb-423e-41d2-902f-4cf486698773" providerId="ADAL" clId="{62997C9C-495E-4E2C-9553-43074B397A76}" dt="2022-12-16T13:05:26.930" v="991" actId="1076"/>
          <ac:picMkLst>
            <pc:docMk/>
            <pc:sldMk cId="1709986772" sldId="291"/>
            <ac:picMk id="18" creationId="{D8011D27-5D90-2AED-0631-EAEC0E1369AE}"/>
          </ac:picMkLst>
        </pc:picChg>
        <pc:picChg chg="add del">
          <ac:chgData name="Nikolas Vitaliti" userId="8c720cfb-423e-41d2-902f-4cf486698773" providerId="ADAL" clId="{62997C9C-495E-4E2C-9553-43074B397A76}" dt="2022-12-16T13:04:56.532" v="977" actId="22"/>
          <ac:picMkLst>
            <pc:docMk/>
            <pc:sldMk cId="1709986772" sldId="291"/>
            <ac:picMk id="20" creationId="{8A3305CA-7CEE-DEC5-C572-DF78D7282341}"/>
          </ac:picMkLst>
        </pc:picChg>
        <pc:picChg chg="add del">
          <ac:chgData name="Nikolas Vitaliti" userId="8c720cfb-423e-41d2-902f-4cf486698773" providerId="ADAL" clId="{62997C9C-495E-4E2C-9553-43074B397A76}" dt="2022-12-16T13:04:55.710" v="975" actId="22"/>
          <ac:picMkLst>
            <pc:docMk/>
            <pc:sldMk cId="1709986772" sldId="291"/>
            <ac:picMk id="22" creationId="{453006AC-E716-9496-7794-419FEC8DDDE1}"/>
          </ac:picMkLst>
        </pc:picChg>
      </pc:sldChg>
      <pc:sldChg chg="addSp delSp modSp mod modNotesTx">
        <pc:chgData name="Nikolas Vitaliti" userId="8c720cfb-423e-41d2-902f-4cf486698773" providerId="ADAL" clId="{62997C9C-495E-4E2C-9553-43074B397A76}" dt="2022-12-17T20:35:58.264" v="2827" actId="20577"/>
        <pc:sldMkLst>
          <pc:docMk/>
          <pc:sldMk cId="3632708366" sldId="292"/>
        </pc:sldMkLst>
        <pc:spChg chg="add del mod">
          <ac:chgData name="Nikolas Vitaliti" userId="8c720cfb-423e-41d2-902f-4cf486698773" providerId="ADAL" clId="{62997C9C-495E-4E2C-9553-43074B397A76}" dt="2022-12-16T13:23:31.243" v="1124" actId="767"/>
          <ac:spMkLst>
            <pc:docMk/>
            <pc:sldMk cId="3632708366" sldId="292"/>
            <ac:spMk id="2" creationId="{1FB3A8C7-B6C6-5D9A-14B1-FA0C6987403C}"/>
          </ac:spMkLst>
        </pc:spChg>
        <pc:spChg chg="mod">
          <ac:chgData name="Nikolas Vitaliti" userId="8c720cfb-423e-41d2-902f-4cf486698773" providerId="ADAL" clId="{62997C9C-495E-4E2C-9553-43074B397A76}" dt="2022-12-17T20:16:50.962" v="2410" actId="20577"/>
          <ac:spMkLst>
            <pc:docMk/>
            <pc:sldMk cId="3632708366" sldId="292"/>
            <ac:spMk id="3" creationId="{FA3B3913-113B-2D76-0B58-5B12C8D69022}"/>
          </ac:spMkLst>
        </pc:spChg>
        <pc:spChg chg="add del mod">
          <ac:chgData name="Nikolas Vitaliti" userId="8c720cfb-423e-41d2-902f-4cf486698773" providerId="ADAL" clId="{62997C9C-495E-4E2C-9553-43074B397A76}" dt="2022-12-16T13:23:30.899" v="1122" actId="767"/>
          <ac:spMkLst>
            <pc:docMk/>
            <pc:sldMk cId="3632708366" sldId="292"/>
            <ac:spMk id="5" creationId="{DC0570B0-DBED-6C0A-6C9A-880B35830CCD}"/>
          </ac:spMkLst>
        </pc:spChg>
        <pc:spChg chg="add mod">
          <ac:chgData name="Nikolas Vitaliti" userId="8c720cfb-423e-41d2-902f-4cf486698773" providerId="ADAL" clId="{62997C9C-495E-4E2C-9553-43074B397A76}" dt="2022-12-16T14:02:49.896" v="1691" actId="14100"/>
          <ac:spMkLst>
            <pc:docMk/>
            <pc:sldMk cId="3632708366" sldId="292"/>
            <ac:spMk id="6" creationId="{19EE8700-6CF6-8816-1FEF-D2FDB2D5FE1C}"/>
          </ac:spMkLst>
        </pc:spChg>
        <pc:spChg chg="mod">
          <ac:chgData name="Nikolas Vitaliti" userId="8c720cfb-423e-41d2-902f-4cf486698773" providerId="ADAL" clId="{62997C9C-495E-4E2C-9553-43074B397A76}" dt="2022-12-17T20:16:32.865" v="2400" actId="20577"/>
          <ac:spMkLst>
            <pc:docMk/>
            <pc:sldMk cId="3632708366" sldId="292"/>
            <ac:spMk id="7" creationId="{0236EE1E-3E88-8E11-F892-74376DB8C175}"/>
          </ac:spMkLst>
        </pc:spChg>
        <pc:spChg chg="mod">
          <ac:chgData name="Nikolas Vitaliti" userId="8c720cfb-423e-41d2-902f-4cf486698773" providerId="ADAL" clId="{62997C9C-495E-4E2C-9553-43074B397A76}" dt="2022-12-16T13:23:50.555" v="1132" actId="1076"/>
          <ac:spMkLst>
            <pc:docMk/>
            <pc:sldMk cId="3632708366" sldId="292"/>
            <ac:spMk id="9" creationId="{4F3445EE-C138-B67A-CE17-CDB41340588F}"/>
          </ac:spMkLst>
        </pc:spChg>
        <pc:spChg chg="mod">
          <ac:chgData name="Nikolas Vitaliti" userId="8c720cfb-423e-41d2-902f-4cf486698773" providerId="ADAL" clId="{62997C9C-495E-4E2C-9553-43074B397A76}" dt="2022-12-16T13:24:21.525" v="1137" actId="1076"/>
          <ac:spMkLst>
            <pc:docMk/>
            <pc:sldMk cId="3632708366" sldId="292"/>
            <ac:spMk id="23" creationId="{52298CFF-5FD3-1940-8F2C-E913E5A681A8}"/>
          </ac:spMkLst>
        </pc:spChg>
        <pc:spChg chg="mod">
          <ac:chgData name="Nikolas Vitaliti" userId="8c720cfb-423e-41d2-902f-4cf486698773" providerId="ADAL" clId="{62997C9C-495E-4E2C-9553-43074B397A76}" dt="2022-12-16T13:24:47.306" v="1145" actId="1076"/>
          <ac:spMkLst>
            <pc:docMk/>
            <pc:sldMk cId="3632708366" sldId="292"/>
            <ac:spMk id="33" creationId="{F0363F09-764F-82FE-1EC6-DF9370414911}"/>
          </ac:spMkLst>
        </pc:spChg>
        <pc:spChg chg="del">
          <ac:chgData name="Nikolas Vitaliti" userId="8c720cfb-423e-41d2-902f-4cf486698773" providerId="ADAL" clId="{62997C9C-495E-4E2C-9553-43074B397A76}" dt="2022-12-16T13:24:00.540" v="1133" actId="478"/>
          <ac:spMkLst>
            <pc:docMk/>
            <pc:sldMk cId="3632708366" sldId="292"/>
            <ac:spMk id="35" creationId="{5F4D7022-9FF7-C231-EF2B-927DFED11EA4}"/>
          </ac:spMkLst>
        </pc:spChg>
        <pc:picChg chg="add mod">
          <ac:chgData name="Nikolas Vitaliti" userId="8c720cfb-423e-41d2-902f-4cf486698773" providerId="ADAL" clId="{62997C9C-495E-4E2C-9553-43074B397A76}" dt="2022-12-16T13:24:38.243" v="1142" actId="14100"/>
          <ac:picMkLst>
            <pc:docMk/>
            <pc:sldMk cId="3632708366" sldId="292"/>
            <ac:picMk id="14" creationId="{CE756EE7-8EA7-502A-C95E-096535F9B190}"/>
          </ac:picMkLst>
        </pc:picChg>
        <pc:picChg chg="mod">
          <ac:chgData name="Nikolas Vitaliti" userId="8c720cfb-423e-41d2-902f-4cf486698773" providerId="ADAL" clId="{62997C9C-495E-4E2C-9553-43074B397A76}" dt="2022-12-16T13:27:42.089" v="1162" actId="14100"/>
          <ac:picMkLst>
            <pc:docMk/>
            <pc:sldMk cId="3632708366" sldId="292"/>
            <ac:picMk id="20" creationId="{DBF66DBE-B975-9BF1-11E6-E4DCDE40EAD8}"/>
          </ac:picMkLst>
        </pc:picChg>
        <pc:picChg chg="mod">
          <ac:chgData name="Nikolas Vitaliti" userId="8c720cfb-423e-41d2-902f-4cf486698773" providerId="ADAL" clId="{62997C9C-495E-4E2C-9553-43074B397A76}" dt="2022-12-16T13:24:52.275" v="1147" actId="1076"/>
          <ac:picMkLst>
            <pc:docMk/>
            <pc:sldMk cId="3632708366" sldId="292"/>
            <ac:picMk id="21" creationId="{97586108-D1C1-CCB2-6C60-6B5D08133FD3}"/>
          </ac:picMkLst>
        </pc:picChg>
      </pc:sldChg>
      <pc:sldChg chg="addSp delSp modSp mod">
        <pc:chgData name="Nikolas Vitaliti" userId="8c720cfb-423e-41d2-902f-4cf486698773" providerId="ADAL" clId="{62997C9C-495E-4E2C-9553-43074B397A76}" dt="2022-12-17T21:06:24.109" v="4000" actId="1076"/>
        <pc:sldMkLst>
          <pc:docMk/>
          <pc:sldMk cId="2964722753" sldId="293"/>
        </pc:sldMkLst>
        <pc:spChg chg="add del mod">
          <ac:chgData name="Nikolas Vitaliti" userId="8c720cfb-423e-41d2-902f-4cf486698773" providerId="ADAL" clId="{62997C9C-495E-4E2C-9553-43074B397A76}" dt="2022-12-17T20:18:30.597" v="2451" actId="478"/>
          <ac:spMkLst>
            <pc:docMk/>
            <pc:sldMk cId="2964722753" sldId="293"/>
            <ac:spMk id="2" creationId="{CBE8E970-877D-9A23-7C87-36F3502E58B5}"/>
          </ac:spMkLst>
        </pc:spChg>
        <pc:spChg chg="del mod ord">
          <ac:chgData name="Nikolas Vitaliti" userId="8c720cfb-423e-41d2-902f-4cf486698773" providerId="ADAL" clId="{62997C9C-495E-4E2C-9553-43074B397A76}" dt="2022-12-16T13:45:59.353" v="1361" actId="21"/>
          <ac:spMkLst>
            <pc:docMk/>
            <pc:sldMk cId="2964722753" sldId="293"/>
            <ac:spMk id="2" creationId="{FB55BD47-756A-514B-369C-88B089C8146C}"/>
          </ac:spMkLst>
        </pc:spChg>
        <pc:spChg chg="mod">
          <ac:chgData name="Nikolas Vitaliti" userId="8c720cfb-423e-41d2-902f-4cf486698773" providerId="ADAL" clId="{62997C9C-495E-4E2C-9553-43074B397A76}" dt="2022-12-17T20:24:18.346" v="2465" actId="1076"/>
          <ac:spMkLst>
            <pc:docMk/>
            <pc:sldMk cId="2964722753" sldId="293"/>
            <ac:spMk id="6" creationId="{5D8353D7-0D70-D64C-26FA-61D1213C00ED}"/>
          </ac:spMkLst>
        </pc:spChg>
        <pc:spChg chg="add mod">
          <ac:chgData name="Nikolas Vitaliti" userId="8c720cfb-423e-41d2-902f-4cf486698773" providerId="ADAL" clId="{62997C9C-495E-4E2C-9553-43074B397A76}" dt="2022-12-16T13:45:07.073" v="1264" actId="207"/>
          <ac:spMkLst>
            <pc:docMk/>
            <pc:sldMk cId="2964722753" sldId="293"/>
            <ac:spMk id="10" creationId="{4E0094D3-8177-A876-934C-54A7883EE0DA}"/>
          </ac:spMkLst>
        </pc:spChg>
        <pc:spChg chg="add mod">
          <ac:chgData name="Nikolas Vitaliti" userId="8c720cfb-423e-41d2-902f-4cf486698773" providerId="ADAL" clId="{62997C9C-495E-4E2C-9553-43074B397A76}" dt="2022-12-16T13:51:32.319" v="1558" actId="1076"/>
          <ac:spMkLst>
            <pc:docMk/>
            <pc:sldMk cId="2964722753" sldId="293"/>
            <ac:spMk id="11" creationId="{21F02E95-C36D-2B40-8935-098180D5D021}"/>
          </ac:spMkLst>
        </pc:spChg>
        <pc:spChg chg="add del mod">
          <ac:chgData name="Nikolas Vitaliti" userId="8c720cfb-423e-41d2-902f-4cf486698773" providerId="ADAL" clId="{62997C9C-495E-4E2C-9553-43074B397A76}" dt="2022-12-16T13:46:27.298" v="1367" actId="21"/>
          <ac:spMkLst>
            <pc:docMk/>
            <pc:sldMk cId="2964722753" sldId="293"/>
            <ac:spMk id="12" creationId="{C6090586-C6D9-47C4-F8AB-484DFDF9446D}"/>
          </ac:spMkLst>
        </pc:spChg>
        <pc:spChg chg="add del mod">
          <ac:chgData name="Nikolas Vitaliti" userId="8c720cfb-423e-41d2-902f-4cf486698773" providerId="ADAL" clId="{62997C9C-495E-4E2C-9553-43074B397A76}" dt="2022-12-16T13:46:42.158" v="1371" actId="21"/>
          <ac:spMkLst>
            <pc:docMk/>
            <pc:sldMk cId="2964722753" sldId="293"/>
            <ac:spMk id="13" creationId="{59A71063-CD00-4297-118A-36DD7AE153D3}"/>
          </ac:spMkLst>
        </pc:spChg>
        <pc:spChg chg="add mod">
          <ac:chgData name="Nikolas Vitaliti" userId="8c720cfb-423e-41d2-902f-4cf486698773" providerId="ADAL" clId="{62997C9C-495E-4E2C-9553-43074B397A76}" dt="2022-12-17T20:23:25.704" v="2454" actId="1076"/>
          <ac:spMkLst>
            <pc:docMk/>
            <pc:sldMk cId="2964722753" sldId="293"/>
            <ac:spMk id="13" creationId="{6823F278-D78A-FCD4-8A54-5F68922D2F58}"/>
          </ac:spMkLst>
        </pc:spChg>
        <pc:spChg chg="add del mod">
          <ac:chgData name="Nikolas Vitaliti" userId="8c720cfb-423e-41d2-902f-4cf486698773" providerId="ADAL" clId="{62997C9C-495E-4E2C-9553-43074B397A76}" dt="2022-12-16T13:46:51.720" v="1374" actId="21"/>
          <ac:spMkLst>
            <pc:docMk/>
            <pc:sldMk cId="2964722753" sldId="293"/>
            <ac:spMk id="14" creationId="{105AA19A-4CCE-CECD-CC24-99EF95D0C595}"/>
          </ac:spMkLst>
        </pc:spChg>
        <pc:spChg chg="add del mod">
          <ac:chgData name="Nikolas Vitaliti" userId="8c720cfb-423e-41d2-902f-4cf486698773" providerId="ADAL" clId="{62997C9C-495E-4E2C-9553-43074B397A76}" dt="2022-12-16T13:49:07.183" v="1414" actId="21"/>
          <ac:spMkLst>
            <pc:docMk/>
            <pc:sldMk cId="2964722753" sldId="293"/>
            <ac:spMk id="16" creationId="{876A4E0B-AC75-9709-43C2-05151DCC7B1B}"/>
          </ac:spMkLst>
        </pc:spChg>
        <pc:spChg chg="add mod ord">
          <ac:chgData name="Nikolas Vitaliti" userId="8c720cfb-423e-41d2-902f-4cf486698773" providerId="ADAL" clId="{62997C9C-495E-4E2C-9553-43074B397A76}" dt="2022-12-17T21:06:24.109" v="4000" actId="1076"/>
          <ac:spMkLst>
            <pc:docMk/>
            <pc:sldMk cId="2964722753" sldId="293"/>
            <ac:spMk id="17" creationId="{386A0A3F-0987-CD07-9077-784FC812F19A}"/>
          </ac:spMkLst>
        </pc:spChg>
        <pc:spChg chg="add mod">
          <ac:chgData name="Nikolas Vitaliti" userId="8c720cfb-423e-41d2-902f-4cf486698773" providerId="ADAL" clId="{62997C9C-495E-4E2C-9553-43074B397A76}" dt="2022-12-16T13:51:53.834" v="1598" actId="207"/>
          <ac:spMkLst>
            <pc:docMk/>
            <pc:sldMk cId="2964722753" sldId="293"/>
            <ac:spMk id="18" creationId="{3622AC21-40AA-5BF5-DDD5-919D3FAAD8B0}"/>
          </ac:spMkLst>
        </pc:spChg>
        <pc:spChg chg="add mod">
          <ac:chgData name="Nikolas Vitaliti" userId="8c720cfb-423e-41d2-902f-4cf486698773" providerId="ADAL" clId="{62997C9C-495E-4E2C-9553-43074B397A76}" dt="2022-12-16T13:52:47.477" v="1606" actId="1076"/>
          <ac:spMkLst>
            <pc:docMk/>
            <pc:sldMk cId="2964722753" sldId="293"/>
            <ac:spMk id="19" creationId="{87F03E5B-622E-14F0-BF9A-AC71881FCABD}"/>
          </ac:spMkLst>
        </pc:spChg>
        <pc:picChg chg="mod">
          <ac:chgData name="Nikolas Vitaliti" userId="8c720cfb-423e-41d2-902f-4cf486698773" providerId="ADAL" clId="{62997C9C-495E-4E2C-9553-43074B397A76}" dt="2022-12-17T20:24:27.755" v="2466" actId="14100"/>
          <ac:picMkLst>
            <pc:docMk/>
            <pc:sldMk cId="2964722753" sldId="293"/>
            <ac:picMk id="3" creationId="{17F4B1A4-475D-1E38-AA20-FF44E25DBDDE}"/>
          </ac:picMkLst>
        </pc:picChg>
        <pc:picChg chg="add del mod">
          <ac:chgData name="Nikolas Vitaliti" userId="8c720cfb-423e-41d2-902f-4cf486698773" providerId="ADAL" clId="{62997C9C-495E-4E2C-9553-43074B397A76}" dt="2022-12-16T11:53:16.059" v="519" actId="478"/>
          <ac:picMkLst>
            <pc:docMk/>
            <pc:sldMk cId="2964722753" sldId="293"/>
            <ac:picMk id="5" creationId="{1E4240BD-C907-AA33-7FFB-F92C2AD82310}"/>
          </ac:picMkLst>
        </pc:picChg>
        <pc:picChg chg="mod">
          <ac:chgData name="Nikolas Vitaliti" userId="8c720cfb-423e-41d2-902f-4cf486698773" providerId="ADAL" clId="{62997C9C-495E-4E2C-9553-43074B397A76}" dt="2022-12-16T13:49:44.739" v="1422" actId="1076"/>
          <ac:picMkLst>
            <pc:docMk/>
            <pc:sldMk cId="2964722753" sldId="293"/>
            <ac:picMk id="8" creationId="{C5787DBE-1E8B-6A17-2CDE-175AF7F1D399}"/>
          </ac:picMkLst>
        </pc:picChg>
      </pc:sldChg>
      <pc:sldChg chg="addSp delSp modSp mod">
        <pc:chgData name="Nikolas Vitaliti" userId="8c720cfb-423e-41d2-902f-4cf486698773" providerId="ADAL" clId="{62997C9C-495E-4E2C-9553-43074B397A76}" dt="2022-12-16T14:24:48.462" v="1823"/>
        <pc:sldMkLst>
          <pc:docMk/>
          <pc:sldMk cId="3846275707" sldId="294"/>
        </pc:sldMkLst>
        <pc:spChg chg="add del mod">
          <ac:chgData name="Nikolas Vitaliti" userId="8c720cfb-423e-41d2-902f-4cf486698773" providerId="ADAL" clId="{62997C9C-495E-4E2C-9553-43074B397A76}" dt="2022-12-16T14:24:18.603" v="1815" actId="1076"/>
          <ac:spMkLst>
            <pc:docMk/>
            <pc:sldMk cId="3846275707" sldId="294"/>
            <ac:spMk id="3" creationId="{030918C6-C726-46DA-5B7D-A132FF9130C5}"/>
          </ac:spMkLst>
        </pc:spChg>
        <pc:spChg chg="mod">
          <ac:chgData name="Nikolas Vitaliti" userId="8c720cfb-423e-41d2-902f-4cf486698773" providerId="ADAL" clId="{62997C9C-495E-4E2C-9553-43074B397A76}" dt="2022-12-16T14:24:18.603" v="1815" actId="1076"/>
          <ac:spMkLst>
            <pc:docMk/>
            <pc:sldMk cId="3846275707" sldId="294"/>
            <ac:spMk id="4" creationId="{892FEE4B-BB6D-8803-A1AD-444BDAA5CF90}"/>
          </ac:spMkLst>
        </pc:spChg>
        <pc:spChg chg="mod">
          <ac:chgData name="Nikolas Vitaliti" userId="8c720cfb-423e-41d2-902f-4cf486698773" providerId="ADAL" clId="{62997C9C-495E-4E2C-9553-43074B397A76}" dt="2022-12-16T14:24:18.603" v="1815" actId="1076"/>
          <ac:spMkLst>
            <pc:docMk/>
            <pc:sldMk cId="3846275707" sldId="294"/>
            <ac:spMk id="5" creationId="{FC0D1D2C-865B-DF87-FC53-81E25FA6BF3C}"/>
          </ac:spMkLst>
        </pc:spChg>
        <pc:spChg chg="add mod">
          <ac:chgData name="Nikolas Vitaliti" userId="8c720cfb-423e-41d2-902f-4cf486698773" providerId="ADAL" clId="{62997C9C-495E-4E2C-9553-43074B397A76}" dt="2022-12-16T14:24:18.603" v="1815" actId="1076"/>
          <ac:spMkLst>
            <pc:docMk/>
            <pc:sldMk cId="3846275707" sldId="294"/>
            <ac:spMk id="10" creationId="{796D15E2-A1FE-5932-80E9-4A9E14AC1099}"/>
          </ac:spMkLst>
        </pc:spChg>
        <pc:spChg chg="add mod">
          <ac:chgData name="Nikolas Vitaliti" userId="8c720cfb-423e-41d2-902f-4cf486698773" providerId="ADAL" clId="{62997C9C-495E-4E2C-9553-43074B397A76}" dt="2022-12-16T14:24:47.712" v="1822" actId="1076"/>
          <ac:spMkLst>
            <pc:docMk/>
            <pc:sldMk cId="3846275707" sldId="294"/>
            <ac:spMk id="12" creationId="{95A14ED7-25B8-2244-7CAD-B492B5A5DAEA}"/>
          </ac:spMkLst>
        </pc:spChg>
        <pc:spChg chg="add mod">
          <ac:chgData name="Nikolas Vitaliti" userId="8c720cfb-423e-41d2-902f-4cf486698773" providerId="ADAL" clId="{62997C9C-495E-4E2C-9553-43074B397A76}" dt="2022-12-16T12:49:28.398" v="913" actId="1076"/>
          <ac:spMkLst>
            <pc:docMk/>
            <pc:sldMk cId="3846275707" sldId="294"/>
            <ac:spMk id="15" creationId="{CF10A8EC-5CB2-5FF0-22BC-5AF3AACD5A7E}"/>
          </ac:spMkLst>
        </pc:spChg>
        <pc:spChg chg="mod">
          <ac:chgData name="Nikolas Vitaliti" userId="8c720cfb-423e-41d2-902f-4cf486698773" providerId="ADAL" clId="{62997C9C-495E-4E2C-9553-43074B397A76}" dt="2022-12-16T12:30:20.968" v="724" actId="6549"/>
          <ac:spMkLst>
            <pc:docMk/>
            <pc:sldMk cId="3846275707" sldId="294"/>
            <ac:spMk id="16" creationId="{2C50E046-72B5-F75D-B795-A65DAE928436}"/>
          </ac:spMkLst>
        </pc:spChg>
        <pc:spChg chg="add del mod">
          <ac:chgData name="Nikolas Vitaliti" userId="8c720cfb-423e-41d2-902f-4cf486698773" providerId="ADAL" clId="{62997C9C-495E-4E2C-9553-43074B397A76}" dt="2022-12-16T14:20:39.986" v="1781" actId="21"/>
          <ac:spMkLst>
            <pc:docMk/>
            <pc:sldMk cId="3846275707" sldId="294"/>
            <ac:spMk id="17" creationId="{E68362D1-BB87-A8BC-3A77-199054786A3F}"/>
          </ac:spMkLst>
        </pc:spChg>
        <pc:spChg chg="add del mod">
          <ac:chgData name="Nikolas Vitaliti" userId="8c720cfb-423e-41d2-902f-4cf486698773" providerId="ADAL" clId="{62997C9C-495E-4E2C-9553-43074B397A76}" dt="2022-12-16T14:24:21.290" v="1816" actId="21"/>
          <ac:spMkLst>
            <pc:docMk/>
            <pc:sldMk cId="3846275707" sldId="294"/>
            <ac:spMk id="18" creationId="{3F5358DC-DEE6-ECD3-22CE-17EC4891F3E8}"/>
          </ac:spMkLst>
        </pc:spChg>
        <pc:spChg chg="add mod">
          <ac:chgData name="Nikolas Vitaliti" userId="8c720cfb-423e-41d2-902f-4cf486698773" providerId="ADAL" clId="{62997C9C-495E-4E2C-9553-43074B397A76}" dt="2022-12-16T14:24:18.603" v="1815" actId="1076"/>
          <ac:spMkLst>
            <pc:docMk/>
            <pc:sldMk cId="3846275707" sldId="294"/>
            <ac:spMk id="20" creationId="{B0839F89-76E6-1714-7CC7-142BED91181A}"/>
          </ac:spMkLst>
        </pc:spChg>
        <pc:spChg chg="add mod">
          <ac:chgData name="Nikolas Vitaliti" userId="8c720cfb-423e-41d2-902f-4cf486698773" providerId="ADAL" clId="{62997C9C-495E-4E2C-9553-43074B397A76}" dt="2022-12-16T14:24:18.603" v="1815" actId="1076"/>
          <ac:spMkLst>
            <pc:docMk/>
            <pc:sldMk cId="3846275707" sldId="294"/>
            <ac:spMk id="23" creationId="{7DD12AB1-F7B2-A261-FFDC-ED0AEEF8E248}"/>
          </ac:spMkLst>
        </pc:spChg>
        <pc:spChg chg="add del mod">
          <ac:chgData name="Nikolas Vitaliti" userId="8c720cfb-423e-41d2-902f-4cf486698773" providerId="ADAL" clId="{62997C9C-495E-4E2C-9553-43074B397A76}" dt="2022-12-16T14:24:42.602" v="1821" actId="21"/>
          <ac:spMkLst>
            <pc:docMk/>
            <pc:sldMk cId="3846275707" sldId="294"/>
            <ac:spMk id="24" creationId="{99F7D96D-A354-F7B7-34DB-DEDCC8E353EF}"/>
          </ac:spMkLst>
        </pc:spChg>
        <pc:spChg chg="add mod">
          <ac:chgData name="Nikolas Vitaliti" userId="8c720cfb-423e-41d2-902f-4cf486698773" providerId="ADAL" clId="{62997C9C-495E-4E2C-9553-43074B397A76}" dt="2022-12-16T14:24:48.462" v="1823"/>
          <ac:spMkLst>
            <pc:docMk/>
            <pc:sldMk cId="3846275707" sldId="294"/>
            <ac:spMk id="25" creationId="{02FB8A4E-DDEB-B834-7B69-813898699B7B}"/>
          </ac:spMkLst>
        </pc:spChg>
        <pc:spChg chg="add del mod">
          <ac:chgData name="Nikolas Vitaliti" userId="8c720cfb-423e-41d2-902f-4cf486698773" providerId="ADAL" clId="{62997C9C-495E-4E2C-9553-43074B397A76}" dt="2022-12-16T12:41:55.142" v="809" actId="478"/>
          <ac:spMkLst>
            <pc:docMk/>
            <pc:sldMk cId="3846275707" sldId="294"/>
            <ac:spMk id="31" creationId="{D3847FC5-720D-0560-7F60-DC267ABBC1EF}"/>
          </ac:spMkLst>
        </pc:spChg>
        <pc:spChg chg="add mod">
          <ac:chgData name="Nikolas Vitaliti" userId="8c720cfb-423e-41d2-902f-4cf486698773" providerId="ADAL" clId="{62997C9C-495E-4E2C-9553-43074B397A76}" dt="2022-12-16T14:24:18.603" v="1815" actId="1076"/>
          <ac:spMkLst>
            <pc:docMk/>
            <pc:sldMk cId="3846275707" sldId="294"/>
            <ac:spMk id="34" creationId="{D5958F59-5CB7-E73E-E2D8-E4BF905CBD42}"/>
          </ac:spMkLst>
        </pc:spChg>
        <pc:spChg chg="mod">
          <ac:chgData name="Nikolas Vitaliti" userId="8c720cfb-423e-41d2-902f-4cf486698773" providerId="ADAL" clId="{62997C9C-495E-4E2C-9553-43074B397A76}" dt="2022-12-16T14:24:47.712" v="1822" actId="1076"/>
          <ac:spMkLst>
            <pc:docMk/>
            <pc:sldMk cId="3846275707" sldId="294"/>
            <ac:spMk id="35" creationId="{49C7E9F5-D3BE-C1EF-36D8-861EF8417E75}"/>
          </ac:spMkLst>
        </pc:spChg>
        <pc:spChg chg="mod">
          <ac:chgData name="Nikolas Vitaliti" userId="8c720cfb-423e-41d2-902f-4cf486698773" providerId="ADAL" clId="{62997C9C-495E-4E2C-9553-43074B397A76}" dt="2022-12-16T14:24:18.603" v="1815" actId="1076"/>
          <ac:spMkLst>
            <pc:docMk/>
            <pc:sldMk cId="3846275707" sldId="294"/>
            <ac:spMk id="37" creationId="{B952EA91-3F20-F7A0-E097-599BC692F749}"/>
          </ac:spMkLst>
        </pc:spChg>
        <pc:spChg chg="mod">
          <ac:chgData name="Nikolas Vitaliti" userId="8c720cfb-423e-41d2-902f-4cf486698773" providerId="ADAL" clId="{62997C9C-495E-4E2C-9553-43074B397A76}" dt="2022-12-16T14:24:33.009" v="1819" actId="115"/>
          <ac:spMkLst>
            <pc:docMk/>
            <pc:sldMk cId="3846275707" sldId="294"/>
            <ac:spMk id="39" creationId="{4EC164F4-3E61-C881-D8E2-38DD9FD5D46F}"/>
          </ac:spMkLst>
        </pc:spChg>
        <pc:spChg chg="mod">
          <ac:chgData name="Nikolas Vitaliti" userId="8c720cfb-423e-41d2-902f-4cf486698773" providerId="ADAL" clId="{62997C9C-495E-4E2C-9553-43074B397A76}" dt="2022-12-16T14:24:34.806" v="1820" actId="115"/>
          <ac:spMkLst>
            <pc:docMk/>
            <pc:sldMk cId="3846275707" sldId="294"/>
            <ac:spMk id="40" creationId="{A06CFEA5-2F20-62A1-D4B9-F260E1B9840F}"/>
          </ac:spMkLst>
        </pc:spChg>
        <pc:picChg chg="mod">
          <ac:chgData name="Nikolas Vitaliti" userId="8c720cfb-423e-41d2-902f-4cf486698773" providerId="ADAL" clId="{62997C9C-495E-4E2C-9553-43074B397A76}" dt="2022-12-16T14:24:18.603" v="1815" actId="1076"/>
          <ac:picMkLst>
            <pc:docMk/>
            <pc:sldMk cId="3846275707" sldId="294"/>
            <ac:picMk id="2" creationId="{8571A460-5294-C839-375E-BE8B3A8350C7}"/>
          </ac:picMkLst>
        </pc:picChg>
        <pc:picChg chg="add mod">
          <ac:chgData name="Nikolas Vitaliti" userId="8c720cfb-423e-41d2-902f-4cf486698773" providerId="ADAL" clId="{62997C9C-495E-4E2C-9553-43074B397A76}" dt="2022-12-16T14:24:18.603" v="1815" actId="1076"/>
          <ac:picMkLst>
            <pc:docMk/>
            <pc:sldMk cId="3846275707" sldId="294"/>
            <ac:picMk id="6" creationId="{00C75E90-03AD-46EF-2073-B1AD49B2EAD1}"/>
          </ac:picMkLst>
        </pc:picChg>
        <pc:picChg chg="mod">
          <ac:chgData name="Nikolas Vitaliti" userId="8c720cfb-423e-41d2-902f-4cf486698773" providerId="ADAL" clId="{62997C9C-495E-4E2C-9553-43074B397A76}" dt="2022-12-16T12:41:44.079" v="802" actId="1076"/>
          <ac:picMkLst>
            <pc:docMk/>
            <pc:sldMk cId="3846275707" sldId="294"/>
            <ac:picMk id="8" creationId="{52C9E780-23ED-0234-4C9F-DB1F14E322B9}"/>
          </ac:picMkLst>
        </pc:picChg>
        <pc:picChg chg="mod">
          <ac:chgData name="Nikolas Vitaliti" userId="8c720cfb-423e-41d2-902f-4cf486698773" providerId="ADAL" clId="{62997C9C-495E-4E2C-9553-43074B397A76}" dt="2022-12-16T12:41:45.344" v="803" actId="1076"/>
          <ac:picMkLst>
            <pc:docMk/>
            <pc:sldMk cId="3846275707" sldId="294"/>
            <ac:picMk id="32" creationId="{FF2A88C4-CB68-6AD9-8D57-CAD9C3641497}"/>
          </ac:picMkLst>
        </pc:picChg>
        <pc:picChg chg="mod">
          <ac:chgData name="Nikolas Vitaliti" userId="8c720cfb-423e-41d2-902f-4cf486698773" providerId="ADAL" clId="{62997C9C-495E-4E2C-9553-43074B397A76}" dt="2022-12-16T14:24:18.603" v="1815" actId="1076"/>
          <ac:picMkLst>
            <pc:docMk/>
            <pc:sldMk cId="3846275707" sldId="294"/>
            <ac:picMk id="38" creationId="{6B40E5D6-4DB3-3544-BF11-7BE5AE4EC3AB}"/>
          </ac:picMkLst>
        </pc:picChg>
        <pc:picChg chg="mod">
          <ac:chgData name="Nikolas Vitaliti" userId="8c720cfb-423e-41d2-902f-4cf486698773" providerId="ADAL" clId="{62997C9C-495E-4E2C-9553-43074B397A76}" dt="2022-12-16T14:24:18.603" v="1815" actId="1076"/>
          <ac:picMkLst>
            <pc:docMk/>
            <pc:sldMk cId="3846275707" sldId="294"/>
            <ac:picMk id="41" creationId="{43BB492F-B38C-BED9-E687-EB26BA30C8B5}"/>
          </ac:picMkLst>
        </pc:picChg>
        <pc:inkChg chg="del">
          <ac:chgData name="Nikolas Vitaliti" userId="8c720cfb-423e-41d2-902f-4cf486698773" providerId="ADAL" clId="{62997C9C-495E-4E2C-9553-43074B397A76}" dt="2022-12-16T12:42:46.127" v="835" actId="478"/>
          <ac:inkMkLst>
            <pc:docMk/>
            <pc:sldMk cId="3846275707" sldId="294"/>
            <ac:inkMk id="11" creationId="{63D55A40-8C64-5B1F-BB7E-694F8C77B5CC}"/>
          </ac:inkMkLst>
        </pc:inkChg>
        <pc:inkChg chg="add mod">
          <ac:chgData name="Nikolas Vitaliti" userId="8c720cfb-423e-41d2-902f-4cf486698773" providerId="ADAL" clId="{62997C9C-495E-4E2C-9553-43074B397A76}" dt="2022-12-16T14:24:18.603" v="1815" actId="1076"/>
          <ac:inkMkLst>
            <pc:docMk/>
            <pc:sldMk cId="3846275707" sldId="294"/>
            <ac:inkMk id="14" creationId="{6F0D2BDB-CC74-21B2-F20E-FA8DA2D47E0A}"/>
          </ac:inkMkLst>
        </pc:inkChg>
        <pc:inkChg chg="add mod">
          <ac:chgData name="Nikolas Vitaliti" userId="8c720cfb-423e-41d2-902f-4cf486698773" providerId="ADAL" clId="{62997C9C-495E-4E2C-9553-43074B397A76}" dt="2022-12-16T14:24:18.603" v="1815" actId="1076"/>
          <ac:inkMkLst>
            <pc:docMk/>
            <pc:sldMk cId="3846275707" sldId="294"/>
            <ac:inkMk id="16" creationId="{48D58BC5-ABF9-BA85-60A8-BB7897F83E7B}"/>
          </ac:inkMkLst>
        </pc:inkChg>
        <pc:inkChg chg="add mod">
          <ac:chgData name="Nikolas Vitaliti" userId="8c720cfb-423e-41d2-902f-4cf486698773" providerId="ADAL" clId="{62997C9C-495E-4E2C-9553-43074B397A76}" dt="2022-12-16T14:24:18.603" v="1815" actId="1076"/>
          <ac:inkMkLst>
            <pc:docMk/>
            <pc:sldMk cId="3846275707" sldId="294"/>
            <ac:inkMk id="19" creationId="{97C96914-4EC3-EA7E-FB69-58C47B2E3818}"/>
          </ac:inkMkLst>
        </pc:inkChg>
        <pc:inkChg chg="add">
          <ac:chgData name="Nikolas Vitaliti" userId="8c720cfb-423e-41d2-902f-4cf486698773" providerId="ADAL" clId="{62997C9C-495E-4E2C-9553-43074B397A76}" dt="2022-12-16T12:38:53.655" v="729" actId="9405"/>
          <ac:inkMkLst>
            <pc:docMk/>
            <pc:sldMk cId="3846275707" sldId="294"/>
            <ac:inkMk id="20" creationId="{78BCEFE2-AD85-1EF4-0F91-A7B37631F310}"/>
          </ac:inkMkLst>
        </pc:inkChg>
        <pc:inkChg chg="del mod">
          <ac:chgData name="Nikolas Vitaliti" userId="8c720cfb-423e-41d2-902f-4cf486698773" providerId="ADAL" clId="{62997C9C-495E-4E2C-9553-43074B397A76}" dt="2022-12-16T12:42:45.424" v="834" actId="478"/>
          <ac:inkMkLst>
            <pc:docMk/>
            <pc:sldMk cId="3846275707" sldId="294"/>
            <ac:inkMk id="21" creationId="{3A392AB5-EE57-DD13-CA47-BA703588D67F}"/>
          </ac:inkMkLst>
        </pc:inkChg>
        <pc:inkChg chg="del mod">
          <ac:chgData name="Nikolas Vitaliti" userId="8c720cfb-423e-41d2-902f-4cf486698773" providerId="ADAL" clId="{62997C9C-495E-4E2C-9553-43074B397A76}" dt="2022-12-16T14:22:04.742" v="1791" actId="478"/>
          <ac:inkMkLst>
            <pc:docMk/>
            <pc:sldMk cId="3846275707" sldId="294"/>
            <ac:inkMk id="27" creationId="{A82C6F91-773A-3253-D22B-08FD0E52F7AE}"/>
          </ac:inkMkLst>
        </pc:inkChg>
        <pc:inkChg chg="del mod">
          <ac:chgData name="Nikolas Vitaliti" userId="8c720cfb-423e-41d2-902f-4cf486698773" providerId="ADAL" clId="{62997C9C-495E-4E2C-9553-43074B397A76}" dt="2022-12-16T12:42:44.267" v="832" actId="478"/>
          <ac:inkMkLst>
            <pc:docMk/>
            <pc:sldMk cId="3846275707" sldId="294"/>
            <ac:inkMk id="30" creationId="{63459599-9BD5-2758-D2A5-81618C081B57}"/>
          </ac:inkMkLst>
        </pc:inkChg>
        <pc:cxnChg chg="add mod">
          <ac:chgData name="Nikolas Vitaliti" userId="8c720cfb-423e-41d2-902f-4cf486698773" providerId="ADAL" clId="{62997C9C-495E-4E2C-9553-43074B397A76}" dt="2022-12-16T14:23:28.836" v="1808" actId="1076"/>
          <ac:cxnSpMkLst>
            <pc:docMk/>
            <pc:sldMk cId="3846275707" sldId="294"/>
            <ac:cxnSpMk id="22" creationId="{170C7240-7E81-9BE1-661A-0D09B7568B65}"/>
          </ac:cxnSpMkLst>
        </pc:cxnChg>
      </pc:sldChg>
      <pc:sldChg chg="modSp new mod">
        <pc:chgData name="Nikolas Vitaliti" userId="8c720cfb-423e-41d2-902f-4cf486698773" providerId="ADAL" clId="{62997C9C-495E-4E2C-9553-43074B397A76}" dt="2022-12-17T20:53:30.633" v="3741" actId="20577"/>
        <pc:sldMkLst>
          <pc:docMk/>
          <pc:sldMk cId="2631261181" sldId="295"/>
        </pc:sldMkLst>
        <pc:spChg chg="mod">
          <ac:chgData name="Nikolas Vitaliti" userId="8c720cfb-423e-41d2-902f-4cf486698773" providerId="ADAL" clId="{62997C9C-495E-4E2C-9553-43074B397A76}" dt="2022-12-17T20:53:30.633" v="3741" actId="20577"/>
          <ac:spMkLst>
            <pc:docMk/>
            <pc:sldMk cId="2631261181" sldId="295"/>
            <ac:spMk id="3" creationId="{DD7E95CF-6105-268D-055E-23E9565290BC}"/>
          </ac:spMkLst>
        </pc:spChg>
      </pc:sldChg>
      <pc:sldChg chg="addSp delSp modSp mod">
        <pc:chgData name="Nikolas Vitaliti" userId="8c720cfb-423e-41d2-902f-4cf486698773" providerId="ADAL" clId="{62997C9C-495E-4E2C-9553-43074B397A76}" dt="2022-12-17T21:16:23.263" v="4033" actId="20577"/>
        <pc:sldMkLst>
          <pc:docMk/>
          <pc:sldMk cId="3126814601" sldId="297"/>
        </pc:sldMkLst>
        <pc:spChg chg="del mod">
          <ac:chgData name="Nikolas Vitaliti" userId="8c720cfb-423e-41d2-902f-4cf486698773" providerId="ADAL" clId="{62997C9C-495E-4E2C-9553-43074B397A76}" dt="2022-12-17T20:55:20.525" v="3745" actId="478"/>
          <ac:spMkLst>
            <pc:docMk/>
            <pc:sldMk cId="3126814601" sldId="297"/>
            <ac:spMk id="3" creationId="{89E26569-BA16-7E1E-ACF2-21DBA23C3713}"/>
          </ac:spMkLst>
        </pc:spChg>
        <pc:spChg chg="mod">
          <ac:chgData name="Nikolas Vitaliti" userId="8c720cfb-423e-41d2-902f-4cf486698773" providerId="ADAL" clId="{62997C9C-495E-4E2C-9553-43074B397A76}" dt="2022-12-17T21:05:04.059" v="3985" actId="1076"/>
          <ac:spMkLst>
            <pc:docMk/>
            <pc:sldMk cId="3126814601" sldId="297"/>
            <ac:spMk id="5" creationId="{144ED827-ACA1-5E06-7C3D-51B166105391}"/>
          </ac:spMkLst>
        </pc:spChg>
        <pc:spChg chg="add mod">
          <ac:chgData name="Nikolas Vitaliti" userId="8c720cfb-423e-41d2-902f-4cf486698773" providerId="ADAL" clId="{62997C9C-495E-4E2C-9553-43074B397A76}" dt="2022-12-17T21:05:49.522" v="3997" actId="1076"/>
          <ac:spMkLst>
            <pc:docMk/>
            <pc:sldMk cId="3126814601" sldId="297"/>
            <ac:spMk id="13" creationId="{CABFC6CC-4D5B-3489-5C52-8093FD66CBFD}"/>
          </ac:spMkLst>
        </pc:spChg>
        <pc:spChg chg="mod">
          <ac:chgData name="Nikolas Vitaliti" userId="8c720cfb-423e-41d2-902f-4cf486698773" providerId="ADAL" clId="{62997C9C-495E-4E2C-9553-43074B397A76}" dt="2022-12-17T21:16:23.263" v="4033" actId="20577"/>
          <ac:spMkLst>
            <pc:docMk/>
            <pc:sldMk cId="3126814601" sldId="297"/>
            <ac:spMk id="15" creationId="{C9B6672D-8150-DE86-4608-A4295233B68D}"/>
          </ac:spMkLst>
        </pc:spChg>
        <pc:spChg chg="del mod">
          <ac:chgData name="Nikolas Vitaliti" userId="8c720cfb-423e-41d2-902f-4cf486698773" providerId="ADAL" clId="{62997C9C-495E-4E2C-9553-43074B397A76}" dt="2022-12-17T21:05:15.259" v="3989" actId="478"/>
          <ac:spMkLst>
            <pc:docMk/>
            <pc:sldMk cId="3126814601" sldId="297"/>
            <ac:spMk id="17" creationId="{7DB9D7EC-9D37-444D-A060-0CE59579FABA}"/>
          </ac:spMkLst>
        </pc:spChg>
        <pc:spChg chg="mod">
          <ac:chgData name="Nikolas Vitaliti" userId="8c720cfb-423e-41d2-902f-4cf486698773" providerId="ADAL" clId="{62997C9C-495E-4E2C-9553-43074B397A76}" dt="2022-12-17T21:16:02.283" v="4002" actId="207"/>
          <ac:spMkLst>
            <pc:docMk/>
            <pc:sldMk cId="3126814601" sldId="297"/>
            <ac:spMk id="18" creationId="{FE3EE6A0-0B57-DB9F-CC58-4AEEB5A2F024}"/>
          </ac:spMkLst>
        </pc:spChg>
        <pc:picChg chg="mod">
          <ac:chgData name="Nikolas Vitaliti" userId="8c720cfb-423e-41d2-902f-4cf486698773" providerId="ADAL" clId="{62997C9C-495E-4E2C-9553-43074B397A76}" dt="2022-12-17T21:04:43.407" v="3978" actId="1076"/>
          <ac:picMkLst>
            <pc:docMk/>
            <pc:sldMk cId="3126814601" sldId="297"/>
            <ac:picMk id="2" creationId="{A1FBDAE1-64E4-27EA-FCD6-3E1B2B23BE10}"/>
          </ac:picMkLst>
        </pc:picChg>
        <pc:picChg chg="add del mod">
          <ac:chgData name="Nikolas Vitaliti" userId="8c720cfb-423e-41d2-902f-4cf486698773" providerId="ADAL" clId="{62997C9C-495E-4E2C-9553-43074B397A76}" dt="2022-12-17T21:05:16.098" v="3990" actId="478"/>
          <ac:picMkLst>
            <pc:docMk/>
            <pc:sldMk cId="3126814601" sldId="297"/>
            <ac:picMk id="10" creationId="{9E4D35CF-2D32-E4E5-6E07-0FD52C3BB0C9}"/>
          </ac:picMkLst>
        </pc:picChg>
        <pc:picChg chg="add mod">
          <ac:chgData name="Nikolas Vitaliti" userId="8c720cfb-423e-41d2-902f-4cf486698773" providerId="ADAL" clId="{62997C9C-495E-4E2C-9553-43074B397A76}" dt="2022-12-17T21:05:47.535" v="3996" actId="1076"/>
          <ac:picMkLst>
            <pc:docMk/>
            <pc:sldMk cId="3126814601" sldId="297"/>
            <ac:picMk id="19" creationId="{911EDB20-491B-94DD-DEBD-39D01C4BE840}"/>
          </ac:picMkLst>
        </pc:picChg>
        <pc:cxnChg chg="add">
          <ac:chgData name="Nikolas Vitaliti" userId="8c720cfb-423e-41d2-902f-4cf486698773" providerId="ADAL" clId="{62997C9C-495E-4E2C-9553-43074B397A76}" dt="2022-12-17T21:05:26.549" v="3991" actId="11529"/>
          <ac:cxnSpMkLst>
            <pc:docMk/>
            <pc:sldMk cId="3126814601" sldId="297"/>
            <ac:cxnSpMk id="21" creationId="{40E026B4-7548-55E3-661C-5D06AB12DDA2}"/>
          </ac:cxnSpMkLst>
        </pc:cxnChg>
      </pc:sldChg>
      <pc:sldChg chg="addSp delSp modSp mod">
        <pc:chgData name="Nikolas Vitaliti" userId="8c720cfb-423e-41d2-902f-4cf486698773" providerId="ADAL" clId="{62997C9C-495E-4E2C-9553-43074B397A76}" dt="2022-12-17T20:15:59.911" v="2398"/>
        <pc:sldMkLst>
          <pc:docMk/>
          <pc:sldMk cId="3544203875" sldId="298"/>
        </pc:sldMkLst>
        <pc:spChg chg="mod">
          <ac:chgData name="Nikolas Vitaliti" userId="8c720cfb-423e-41d2-902f-4cf486698773" providerId="ADAL" clId="{62997C9C-495E-4E2C-9553-43074B397A76}" dt="2022-12-17T20:05:43.390" v="1899" actId="1076"/>
          <ac:spMkLst>
            <pc:docMk/>
            <pc:sldMk cId="3544203875" sldId="298"/>
            <ac:spMk id="2" creationId="{4BA9DCFE-5A7B-4251-BAC0-923BB058C209}"/>
          </ac:spMkLst>
        </pc:spChg>
        <pc:spChg chg="del">
          <ac:chgData name="Nikolas Vitaliti" userId="8c720cfb-423e-41d2-902f-4cf486698773" providerId="ADAL" clId="{62997C9C-495E-4E2C-9553-43074B397A76}" dt="2022-12-17T20:04:08.377" v="1828" actId="478"/>
          <ac:spMkLst>
            <pc:docMk/>
            <pc:sldMk cId="3544203875" sldId="298"/>
            <ac:spMk id="3" creationId="{69DF47B8-781E-F980-C943-26A8345670A1}"/>
          </ac:spMkLst>
        </pc:spChg>
        <pc:spChg chg="add mod">
          <ac:chgData name="Nikolas Vitaliti" userId="8c720cfb-423e-41d2-902f-4cf486698773" providerId="ADAL" clId="{62997C9C-495E-4E2C-9553-43074B397A76}" dt="2022-12-17T20:08:34.607" v="2031" actId="1076"/>
          <ac:spMkLst>
            <pc:docMk/>
            <pc:sldMk cId="3544203875" sldId="298"/>
            <ac:spMk id="6" creationId="{9E1D8BC1-9B37-7CAF-9E08-6A51392AC8EE}"/>
          </ac:spMkLst>
        </pc:spChg>
        <pc:spChg chg="add mod">
          <ac:chgData name="Nikolas Vitaliti" userId="8c720cfb-423e-41d2-902f-4cf486698773" providerId="ADAL" clId="{62997C9C-495E-4E2C-9553-43074B397A76}" dt="2022-12-17T20:08:34.607" v="2031" actId="1076"/>
          <ac:spMkLst>
            <pc:docMk/>
            <pc:sldMk cId="3544203875" sldId="298"/>
            <ac:spMk id="7" creationId="{875B6D85-8C4E-1611-5966-FB8D4738F246}"/>
          </ac:spMkLst>
        </pc:spChg>
        <pc:graphicFrameChg chg="add mod modGraphic">
          <ac:chgData name="Nikolas Vitaliti" userId="8c720cfb-423e-41d2-902f-4cf486698773" providerId="ADAL" clId="{62997C9C-495E-4E2C-9553-43074B397A76}" dt="2022-12-17T20:15:59.911" v="2398"/>
          <ac:graphicFrameMkLst>
            <pc:docMk/>
            <pc:sldMk cId="3544203875" sldId="298"/>
            <ac:graphicFrameMk id="5" creationId="{4CFAEE28-2196-5691-6E57-227D94F85632}"/>
          </ac:graphicFrameMkLst>
        </pc:graphicFrameChg>
      </pc:sldChg>
      <pc:sldChg chg="modSp mod modNotesTx">
        <pc:chgData name="Nikolas Vitaliti" userId="8c720cfb-423e-41d2-902f-4cf486698773" providerId="ADAL" clId="{62997C9C-495E-4E2C-9553-43074B397A76}" dt="2022-12-17T20:50:01.229" v="3696" actId="20577"/>
        <pc:sldMkLst>
          <pc:docMk/>
          <pc:sldMk cId="147410912" sldId="299"/>
        </pc:sldMkLst>
        <pc:spChg chg="mod">
          <ac:chgData name="Nikolas Vitaliti" userId="8c720cfb-423e-41d2-902f-4cf486698773" providerId="ADAL" clId="{62997C9C-495E-4E2C-9553-43074B397A76}" dt="2022-12-17T20:50:01.229" v="3696" actId="20577"/>
          <ac:spMkLst>
            <pc:docMk/>
            <pc:sldMk cId="147410912" sldId="299"/>
            <ac:spMk id="2" creationId="{BE5E7107-05AC-4FC1-2B80-7AFF3A52AAAD}"/>
          </ac:spMkLst>
        </pc:spChg>
        <pc:spChg chg="mod">
          <ac:chgData name="Nikolas Vitaliti" userId="8c720cfb-423e-41d2-902f-4cf486698773" providerId="ADAL" clId="{62997C9C-495E-4E2C-9553-43074B397A76}" dt="2022-12-17T20:17:51.444" v="2411" actId="20577"/>
          <ac:spMkLst>
            <pc:docMk/>
            <pc:sldMk cId="147410912" sldId="299"/>
            <ac:spMk id="7" creationId="{0236EE1E-3E88-8E11-F892-74376DB8C175}"/>
          </ac:spMkLst>
        </pc:spChg>
      </pc:sldChg>
      <pc:sldChg chg="addSp delSp modSp del mod">
        <pc:chgData name="Nikolas Vitaliti" userId="8c720cfb-423e-41d2-902f-4cf486698773" providerId="ADAL" clId="{62997C9C-495E-4E2C-9553-43074B397A76}" dt="2022-12-17T20:11:44.162" v="2047" actId="47"/>
        <pc:sldMkLst>
          <pc:docMk/>
          <pc:sldMk cId="2415759273" sldId="300"/>
        </pc:sldMkLst>
        <pc:spChg chg="add mod">
          <ac:chgData name="Nikolas Vitaliti" userId="8c720cfb-423e-41d2-902f-4cf486698773" providerId="ADAL" clId="{62997C9C-495E-4E2C-9553-43074B397A76}" dt="2022-12-17T20:08:28.670" v="2029" actId="21"/>
          <ac:spMkLst>
            <pc:docMk/>
            <pc:sldMk cId="2415759273" sldId="300"/>
            <ac:spMk id="2" creationId="{C6B801E7-95F6-DF91-3D93-3B675AC36AD8}"/>
          </ac:spMkLst>
        </pc:spChg>
        <pc:spChg chg="mod">
          <ac:chgData name="Nikolas Vitaliti" userId="8c720cfb-423e-41d2-902f-4cf486698773" providerId="ADAL" clId="{62997C9C-495E-4E2C-9553-43074B397A76}" dt="2022-12-17T20:11:38.009" v="2046" actId="21"/>
          <ac:spMkLst>
            <pc:docMk/>
            <pc:sldMk cId="2415759273" sldId="300"/>
            <ac:spMk id="3" creationId="{89E26569-BA16-7E1E-ACF2-21DBA23C3713}"/>
          </ac:spMkLst>
        </pc:spChg>
        <pc:spChg chg="del">
          <ac:chgData name="Nikolas Vitaliti" userId="8c720cfb-423e-41d2-902f-4cf486698773" providerId="ADAL" clId="{62997C9C-495E-4E2C-9553-43074B397A76}" dt="2022-12-17T20:08:28.670" v="2029" actId="21"/>
          <ac:spMkLst>
            <pc:docMk/>
            <pc:sldMk cId="2415759273" sldId="300"/>
            <ac:spMk id="9" creationId="{6D7B45B7-3FFF-6874-0FED-88BB7D81D986}"/>
          </ac:spMkLst>
        </pc:spChg>
        <pc:spChg chg="del">
          <ac:chgData name="Nikolas Vitaliti" userId="8c720cfb-423e-41d2-902f-4cf486698773" providerId="ADAL" clId="{62997C9C-495E-4E2C-9553-43074B397A76}" dt="2022-12-17T20:08:28.670" v="2029" actId="21"/>
          <ac:spMkLst>
            <pc:docMk/>
            <pc:sldMk cId="2415759273" sldId="300"/>
            <ac:spMk id="11" creationId="{118B8677-A3E2-401F-4261-EE74FC2D22E9}"/>
          </ac:spMkLst>
        </pc:spChg>
      </pc:sldChg>
      <pc:sldChg chg="addSp modSp mod">
        <pc:chgData name="Nikolas Vitaliti" userId="8c720cfb-423e-41d2-902f-4cf486698773" providerId="ADAL" clId="{62997C9C-495E-4E2C-9553-43074B397A76}" dt="2022-12-17T20:10:46.293" v="2041" actId="1076"/>
        <pc:sldMkLst>
          <pc:docMk/>
          <pc:sldMk cId="1785503234" sldId="301"/>
        </pc:sldMkLst>
        <pc:spChg chg="mod">
          <ac:chgData name="Nikolas Vitaliti" userId="8c720cfb-423e-41d2-902f-4cf486698773" providerId="ADAL" clId="{62997C9C-495E-4E2C-9553-43074B397A76}" dt="2022-12-17T20:10:46.293" v="2041" actId="1076"/>
          <ac:spMkLst>
            <pc:docMk/>
            <pc:sldMk cId="1785503234" sldId="301"/>
            <ac:spMk id="2" creationId="{827C0698-133C-40B5-2A3A-8115E886F7D6}"/>
          </ac:spMkLst>
        </pc:spChg>
        <pc:spChg chg="add mod">
          <ac:chgData name="Nikolas Vitaliti" userId="8c720cfb-423e-41d2-902f-4cf486698773" providerId="ADAL" clId="{62997C9C-495E-4E2C-9553-43074B397A76}" dt="2022-12-17T20:10:26.130" v="2039" actId="1076"/>
          <ac:spMkLst>
            <pc:docMk/>
            <pc:sldMk cId="1785503234" sldId="301"/>
            <ac:spMk id="10" creationId="{34032DD4-606F-3024-F6DC-3DC1E85E782A}"/>
          </ac:spMkLst>
        </pc:spChg>
      </pc:sldChg>
      <pc:sldChg chg="add ord">
        <pc:chgData name="Nikolas Vitaliti" userId="8c720cfb-423e-41d2-902f-4cf486698773" providerId="ADAL" clId="{62997C9C-495E-4E2C-9553-43074B397A76}" dt="2022-12-17T20:44:09.950" v="3203"/>
        <pc:sldMkLst>
          <pc:docMk/>
          <pc:sldMk cId="78516677" sldId="302"/>
        </pc:sldMkLst>
      </pc:sldChg>
      <pc:sldChg chg="addSp delSp modSp new del mod">
        <pc:chgData name="Nikolas Vitaliti" userId="8c720cfb-423e-41d2-902f-4cf486698773" providerId="ADAL" clId="{62997C9C-495E-4E2C-9553-43074B397A76}" dt="2022-12-17T20:44:03.734" v="3200" actId="2696"/>
        <pc:sldMkLst>
          <pc:docMk/>
          <pc:sldMk cId="3156670630" sldId="302"/>
        </pc:sldMkLst>
        <pc:spChg chg="del">
          <ac:chgData name="Nikolas Vitaliti" userId="8c720cfb-423e-41d2-902f-4cf486698773" providerId="ADAL" clId="{62997C9C-495E-4E2C-9553-43074B397A76}" dt="2022-12-17T20:40:15.285" v="3042" actId="478"/>
          <ac:spMkLst>
            <pc:docMk/>
            <pc:sldMk cId="3156670630" sldId="302"/>
            <ac:spMk id="2" creationId="{7A90B88A-BA63-B687-2894-DAD9AE114ADF}"/>
          </ac:spMkLst>
        </pc:spChg>
        <pc:spChg chg="del">
          <ac:chgData name="Nikolas Vitaliti" userId="8c720cfb-423e-41d2-902f-4cf486698773" providerId="ADAL" clId="{62997C9C-495E-4E2C-9553-43074B397A76}" dt="2022-12-17T20:38:23.797" v="2884" actId="1032"/>
          <ac:spMkLst>
            <pc:docMk/>
            <pc:sldMk cId="3156670630" sldId="302"/>
            <ac:spMk id="3" creationId="{6F10A079-01FD-395F-6D66-6387267DE3A2}"/>
          </ac:spMkLst>
        </pc:spChg>
        <pc:graphicFrameChg chg="add mod modGraphic">
          <ac:chgData name="Nikolas Vitaliti" userId="8c720cfb-423e-41d2-902f-4cf486698773" providerId="ADAL" clId="{62997C9C-495E-4E2C-9553-43074B397A76}" dt="2022-12-17T20:43:32.245" v="3199"/>
          <ac:graphicFrameMkLst>
            <pc:docMk/>
            <pc:sldMk cId="3156670630" sldId="302"/>
            <ac:graphicFrameMk id="5" creationId="{4544B3EB-0A21-16D6-6D95-80FF39C486E3}"/>
          </ac:graphicFrameMkLst>
        </pc:graphicFrameChg>
      </pc:sldChg>
      <pc:sldChg chg="modSp mod">
        <pc:chgData name="Nikolas Vitaliti" userId="8c720cfb-423e-41d2-902f-4cf486698773" providerId="ADAL" clId="{62997C9C-495E-4E2C-9553-43074B397A76}" dt="2022-12-17T21:16:51.436" v="4034" actId="2710"/>
        <pc:sldMkLst>
          <pc:docMk/>
          <pc:sldMk cId="3979833554" sldId="303"/>
        </pc:sldMkLst>
        <pc:spChg chg="mod">
          <ac:chgData name="Nikolas Vitaliti" userId="8c720cfb-423e-41d2-902f-4cf486698773" providerId="ADAL" clId="{62997C9C-495E-4E2C-9553-43074B397A76}" dt="2022-12-17T21:16:51.436" v="4034" actId="2710"/>
          <ac:spMkLst>
            <pc:docMk/>
            <pc:sldMk cId="3979833554" sldId="303"/>
            <ac:spMk id="3" creationId="{FA3B3913-113B-2D76-0B58-5B12C8D69022}"/>
          </ac:spMkLst>
        </pc:spChg>
      </pc:sldChg>
    </pc:docChg>
  </pc:docChgLst>
  <pc:docChgLst>
    <pc:chgData name="Emelie Westall Lundqvist" userId="S::s221956@dtu.dk::3a6c0c6b-4056-4919-93f8-4a249b28df98" providerId="AD" clId="Web-{433C98C4-F430-0675-B7F9-5848A6CC1463}"/>
    <pc:docChg chg="addSld delSld modSld sldOrd">
      <pc:chgData name="Emelie Westall Lundqvist" userId="S::s221956@dtu.dk::3a6c0c6b-4056-4919-93f8-4a249b28df98" providerId="AD" clId="Web-{433C98C4-F430-0675-B7F9-5848A6CC1463}" dt="2022-12-17T21:05:10.090" v="1391" actId="1076"/>
      <pc:docMkLst>
        <pc:docMk/>
      </pc:docMkLst>
      <pc:sldChg chg="modSp">
        <pc:chgData name="Emelie Westall Lundqvist" userId="S::s221956@dtu.dk::3a6c0c6b-4056-4919-93f8-4a249b28df98" providerId="AD" clId="Web-{433C98C4-F430-0675-B7F9-5848A6CC1463}" dt="2022-12-17T20:38:42.184" v="834" actId="20577"/>
        <pc:sldMkLst>
          <pc:docMk/>
          <pc:sldMk cId="1797996451" sldId="289"/>
        </pc:sldMkLst>
        <pc:spChg chg="mod">
          <ac:chgData name="Emelie Westall Lundqvist" userId="S::s221956@dtu.dk::3a6c0c6b-4056-4919-93f8-4a249b28df98" providerId="AD" clId="Web-{433C98C4-F430-0675-B7F9-5848A6CC1463}" dt="2022-12-17T20:38:42.184" v="834" actId="20577"/>
          <ac:spMkLst>
            <pc:docMk/>
            <pc:sldMk cId="1797996451" sldId="289"/>
            <ac:spMk id="3" creationId="{FA3B3913-113B-2D76-0B58-5B12C8D69022}"/>
          </ac:spMkLst>
        </pc:spChg>
      </pc:sldChg>
      <pc:sldChg chg="addSp delSp modSp modNotes">
        <pc:chgData name="Emelie Westall Lundqvist" userId="S::s221956@dtu.dk::3a6c0c6b-4056-4919-93f8-4a249b28df98" providerId="AD" clId="Web-{433C98C4-F430-0675-B7F9-5848A6CC1463}" dt="2022-12-17T21:00:22.632" v="1321" actId="20577"/>
        <pc:sldMkLst>
          <pc:docMk/>
          <pc:sldMk cId="3632708366" sldId="292"/>
        </pc:sldMkLst>
        <pc:spChg chg="del mod">
          <ac:chgData name="Emelie Westall Lundqvist" userId="S::s221956@dtu.dk::3a6c0c6b-4056-4919-93f8-4a249b28df98" providerId="AD" clId="Web-{433C98C4-F430-0675-B7F9-5848A6CC1463}" dt="2022-12-17T20:52:05.716" v="1092"/>
          <ac:spMkLst>
            <pc:docMk/>
            <pc:sldMk cId="3632708366" sldId="292"/>
            <ac:spMk id="3" creationId="{FA3B3913-113B-2D76-0B58-5B12C8D69022}"/>
          </ac:spMkLst>
        </pc:spChg>
        <pc:spChg chg="del mod">
          <ac:chgData name="Emelie Westall Lundqvist" userId="S::s221956@dtu.dk::3a6c0c6b-4056-4919-93f8-4a249b28df98" providerId="AD" clId="Web-{433C98C4-F430-0675-B7F9-5848A6CC1463}" dt="2022-12-17T20:52:03.544" v="1089"/>
          <ac:spMkLst>
            <pc:docMk/>
            <pc:sldMk cId="3632708366" sldId="292"/>
            <ac:spMk id="6" creationId="{19EE8700-6CF6-8816-1FEF-D2FDB2D5FE1C}"/>
          </ac:spMkLst>
        </pc:spChg>
        <pc:spChg chg="mod">
          <ac:chgData name="Emelie Westall Lundqvist" userId="S::s221956@dtu.dk::3a6c0c6b-4056-4919-93f8-4a249b28df98" providerId="AD" clId="Web-{433C98C4-F430-0675-B7F9-5848A6CC1463}" dt="2022-12-17T20:49:54.244" v="1044" actId="1076"/>
          <ac:spMkLst>
            <pc:docMk/>
            <pc:sldMk cId="3632708366" sldId="292"/>
            <ac:spMk id="7" creationId="{0236EE1E-3E88-8E11-F892-74376DB8C175}"/>
          </ac:spMkLst>
        </pc:spChg>
        <pc:spChg chg="add del mod">
          <ac:chgData name="Emelie Westall Lundqvist" userId="S::s221956@dtu.dk::3a6c0c6b-4056-4919-93f8-4a249b28df98" providerId="AD" clId="Web-{433C98C4-F430-0675-B7F9-5848A6CC1463}" dt="2022-12-17T20:47:20.429" v="936"/>
          <ac:spMkLst>
            <pc:docMk/>
            <pc:sldMk cId="3632708366" sldId="292"/>
            <ac:spMk id="8" creationId="{65007A3D-2834-70E2-A898-9F0C93088CA8}"/>
          </ac:spMkLst>
        </pc:spChg>
        <pc:spChg chg="add mod">
          <ac:chgData name="Emelie Westall Lundqvist" userId="S::s221956@dtu.dk::3a6c0c6b-4056-4919-93f8-4a249b28df98" providerId="AD" clId="Web-{433C98C4-F430-0675-B7F9-5848A6CC1463}" dt="2022-12-17T20:59:14.693" v="1315" actId="1076"/>
          <ac:spMkLst>
            <pc:docMk/>
            <pc:sldMk cId="3632708366" sldId="292"/>
            <ac:spMk id="10" creationId="{442AA431-220E-B2C3-296C-C64C61880729}"/>
          </ac:spMkLst>
        </pc:spChg>
        <pc:spChg chg="add del">
          <ac:chgData name="Emelie Westall Lundqvist" userId="S::s221956@dtu.dk::3a6c0c6b-4056-4919-93f8-4a249b28df98" providerId="AD" clId="Web-{433C98C4-F430-0675-B7F9-5848A6CC1463}" dt="2022-12-17T20:53:02.014" v="1127"/>
          <ac:spMkLst>
            <pc:docMk/>
            <pc:sldMk cId="3632708366" sldId="292"/>
            <ac:spMk id="11" creationId="{EBC86B38-C9B5-64E6-665A-0F35B7E13A9F}"/>
          </ac:spMkLst>
        </pc:spChg>
        <pc:spChg chg="add mod">
          <ac:chgData name="Emelie Westall Lundqvist" userId="S::s221956@dtu.dk::3a6c0c6b-4056-4919-93f8-4a249b28df98" providerId="AD" clId="Web-{433C98C4-F430-0675-B7F9-5848A6CC1463}" dt="2022-12-17T20:59:10.474" v="1314" actId="14100"/>
          <ac:spMkLst>
            <pc:docMk/>
            <pc:sldMk cId="3632708366" sldId="292"/>
            <ac:spMk id="12" creationId="{FD8959FC-C748-D663-7FBB-A1EDEE45073A}"/>
          </ac:spMkLst>
        </pc:spChg>
        <pc:spChg chg="add mod">
          <ac:chgData name="Emelie Westall Lundqvist" userId="S::s221956@dtu.dk::3a6c0c6b-4056-4919-93f8-4a249b28df98" providerId="AD" clId="Web-{433C98C4-F430-0675-B7F9-5848A6CC1463}" dt="2022-12-17T20:59:02.130" v="1311" actId="1076"/>
          <ac:spMkLst>
            <pc:docMk/>
            <pc:sldMk cId="3632708366" sldId="292"/>
            <ac:spMk id="13" creationId="{5B195F52-2D26-F9E6-48B8-D301E744AE20}"/>
          </ac:spMkLst>
        </pc:spChg>
        <pc:spChg chg="add del mod">
          <ac:chgData name="Emelie Westall Lundqvist" userId="S::s221956@dtu.dk::3a6c0c6b-4056-4919-93f8-4a249b28df98" providerId="AD" clId="Web-{433C98C4-F430-0675-B7F9-5848A6CC1463}" dt="2022-12-17T20:58:31.598" v="1276"/>
          <ac:spMkLst>
            <pc:docMk/>
            <pc:sldMk cId="3632708366" sldId="292"/>
            <ac:spMk id="17" creationId="{E0F19697-E495-B81E-3B20-948F172323EF}"/>
          </ac:spMkLst>
        </pc:spChg>
        <pc:spChg chg="add mod">
          <ac:chgData name="Emelie Westall Lundqvist" userId="S::s221956@dtu.dk::3a6c0c6b-4056-4919-93f8-4a249b28df98" providerId="AD" clId="Web-{433C98C4-F430-0675-B7F9-5848A6CC1463}" dt="2022-12-17T21:00:22.632" v="1321" actId="20577"/>
          <ac:spMkLst>
            <pc:docMk/>
            <pc:sldMk cId="3632708366" sldId="292"/>
            <ac:spMk id="18" creationId="{337F0D07-06D8-C58D-2C30-21D1369730DE}"/>
          </ac:spMkLst>
        </pc:spChg>
        <pc:spChg chg="del mod">
          <ac:chgData name="Emelie Westall Lundqvist" userId="S::s221956@dtu.dk::3a6c0c6b-4056-4919-93f8-4a249b28df98" providerId="AD" clId="Web-{433C98C4-F430-0675-B7F9-5848A6CC1463}" dt="2022-12-17T20:52:37.904" v="1104"/>
          <ac:spMkLst>
            <pc:docMk/>
            <pc:sldMk cId="3632708366" sldId="292"/>
            <ac:spMk id="23" creationId="{52298CFF-5FD3-1940-8F2C-E913E5A681A8}"/>
          </ac:spMkLst>
        </pc:spChg>
        <pc:spChg chg="del mod">
          <ac:chgData name="Emelie Westall Lundqvist" userId="S::s221956@dtu.dk::3a6c0c6b-4056-4919-93f8-4a249b28df98" providerId="AD" clId="Web-{433C98C4-F430-0675-B7F9-5848A6CC1463}" dt="2022-12-17T20:52:03.544" v="1090"/>
          <ac:spMkLst>
            <pc:docMk/>
            <pc:sldMk cId="3632708366" sldId="292"/>
            <ac:spMk id="33" creationId="{F0363F09-764F-82FE-1EC6-DF9370414911}"/>
          </ac:spMkLst>
        </pc:spChg>
        <pc:picChg chg="del mod">
          <ac:chgData name="Emelie Westall Lundqvist" userId="S::s221956@dtu.dk::3a6c0c6b-4056-4919-93f8-4a249b28df98" providerId="AD" clId="Web-{433C98C4-F430-0675-B7F9-5848A6CC1463}" dt="2022-12-17T20:52:03.544" v="1088"/>
          <ac:picMkLst>
            <pc:docMk/>
            <pc:sldMk cId="3632708366" sldId="292"/>
            <ac:picMk id="2" creationId="{0CF96E68-2060-BE0E-4936-9A45084CAE81}"/>
          </ac:picMkLst>
        </pc:picChg>
        <pc:picChg chg="add del mod">
          <ac:chgData name="Emelie Westall Lundqvist" userId="S::s221956@dtu.dk::3a6c0c6b-4056-4919-93f8-4a249b28df98" providerId="AD" clId="Web-{433C98C4-F430-0675-B7F9-5848A6CC1463}" dt="2022-12-17T20:49:48.213" v="1036"/>
          <ac:picMkLst>
            <pc:docMk/>
            <pc:sldMk cId="3632708366" sldId="292"/>
            <ac:picMk id="5" creationId="{0796B15B-FC33-EC57-87AB-396B886F7E48}"/>
          </ac:picMkLst>
        </pc:picChg>
        <pc:picChg chg="del mod">
          <ac:chgData name="Emelie Westall Lundqvist" userId="S::s221956@dtu.dk::3a6c0c6b-4056-4919-93f8-4a249b28df98" providerId="AD" clId="Web-{433C98C4-F430-0675-B7F9-5848A6CC1463}" dt="2022-12-17T20:52:03.544" v="1091"/>
          <ac:picMkLst>
            <pc:docMk/>
            <pc:sldMk cId="3632708366" sldId="292"/>
            <ac:picMk id="14" creationId="{CE756EE7-8EA7-502A-C95E-096535F9B190}"/>
          </ac:picMkLst>
        </pc:picChg>
        <pc:picChg chg="mod">
          <ac:chgData name="Emelie Westall Lundqvist" userId="S::s221956@dtu.dk::3a6c0c6b-4056-4919-93f8-4a249b28df98" providerId="AD" clId="Web-{433C98C4-F430-0675-B7F9-5848A6CC1463}" dt="2022-12-17T20:52:14.731" v="1096" actId="14100"/>
          <ac:picMkLst>
            <pc:docMk/>
            <pc:sldMk cId="3632708366" sldId="292"/>
            <ac:picMk id="16" creationId="{03DFFDA8-7112-4655-2680-7A3C5EAB5A4B}"/>
          </ac:picMkLst>
        </pc:picChg>
        <pc:picChg chg="del mod">
          <ac:chgData name="Emelie Westall Lundqvist" userId="S::s221956@dtu.dk::3a6c0c6b-4056-4919-93f8-4a249b28df98" providerId="AD" clId="Web-{433C98C4-F430-0675-B7F9-5848A6CC1463}" dt="2022-12-17T20:52:07.919" v="1093"/>
          <ac:picMkLst>
            <pc:docMk/>
            <pc:sldMk cId="3632708366" sldId="292"/>
            <ac:picMk id="20" creationId="{DBF66DBE-B975-9BF1-11E6-E4DCDE40EAD8}"/>
          </ac:picMkLst>
        </pc:picChg>
        <pc:picChg chg="mod">
          <ac:chgData name="Emelie Westall Lundqvist" userId="S::s221956@dtu.dk::3a6c0c6b-4056-4919-93f8-4a249b28df98" providerId="AD" clId="Web-{433C98C4-F430-0675-B7F9-5848A6CC1463}" dt="2022-12-17T20:52:20.778" v="1098" actId="14100"/>
          <ac:picMkLst>
            <pc:docMk/>
            <pc:sldMk cId="3632708366" sldId="292"/>
            <ac:picMk id="24" creationId="{45F54736-16C3-A180-96BC-7D1A159FAA0B}"/>
          </ac:picMkLst>
        </pc:picChg>
        <pc:inkChg chg="mod">
          <ac:chgData name="Emelie Westall Lundqvist" userId="S::s221956@dtu.dk::3a6c0c6b-4056-4919-93f8-4a249b28df98" providerId="AD" clId="Web-{433C98C4-F430-0675-B7F9-5848A6CC1463}" dt="2022-12-17T20:49:51.650" v="1037" actId="1076"/>
          <ac:inkMkLst>
            <pc:docMk/>
            <pc:sldMk cId="3632708366" sldId="292"/>
            <ac:inkMk id="15" creationId="{0EA3CF76-C092-8905-62FA-468100DD4FB9}"/>
          </ac:inkMkLst>
        </pc:inkChg>
        <pc:inkChg chg="mod">
          <ac:chgData name="Emelie Westall Lundqvist" userId="S::s221956@dtu.dk::3a6c0c6b-4056-4919-93f8-4a249b28df98" providerId="AD" clId="Web-{433C98C4-F430-0675-B7F9-5848A6CC1463}" dt="2022-12-17T20:49:32.650" v="1010" actId="1076"/>
          <ac:inkMkLst>
            <pc:docMk/>
            <pc:sldMk cId="3632708366" sldId="292"/>
            <ac:inkMk id="25" creationId="{88493659-A85D-837E-6EDB-7ACEC99BBE4C}"/>
          </ac:inkMkLst>
        </pc:inkChg>
        <pc:inkChg chg="mod">
          <ac:chgData name="Emelie Westall Lundqvist" userId="S::s221956@dtu.dk::3a6c0c6b-4056-4919-93f8-4a249b28df98" providerId="AD" clId="Web-{433C98C4-F430-0675-B7F9-5848A6CC1463}" dt="2022-12-17T20:49:32.650" v="1009" actId="1076"/>
          <ac:inkMkLst>
            <pc:docMk/>
            <pc:sldMk cId="3632708366" sldId="292"/>
            <ac:inkMk id="26" creationId="{AD8DC581-5E4B-5CF9-6428-E61E2E3EEDEA}"/>
          </ac:inkMkLst>
        </pc:inkChg>
        <pc:inkChg chg="mod">
          <ac:chgData name="Emelie Westall Lundqvist" userId="S::s221956@dtu.dk::3a6c0c6b-4056-4919-93f8-4a249b28df98" providerId="AD" clId="Web-{433C98C4-F430-0675-B7F9-5848A6CC1463}" dt="2022-12-17T20:49:34.463" v="1019" actId="1076"/>
          <ac:inkMkLst>
            <pc:docMk/>
            <pc:sldMk cId="3632708366" sldId="292"/>
            <ac:inkMk id="27" creationId="{A82C6F91-773A-3253-D22B-08FD0E52F7AE}"/>
          </ac:inkMkLst>
        </pc:inkChg>
      </pc:sldChg>
      <pc:sldChg chg="addSp modSp">
        <pc:chgData name="Emelie Westall Lundqvist" userId="S::s221956@dtu.dk::3a6c0c6b-4056-4919-93f8-4a249b28df98" providerId="AD" clId="Web-{433C98C4-F430-0675-B7F9-5848A6CC1463}" dt="2022-12-17T21:05:10.090" v="1391" actId="1076"/>
        <pc:sldMkLst>
          <pc:docMk/>
          <pc:sldMk cId="2964722753" sldId="293"/>
        </pc:sldMkLst>
        <pc:spChg chg="mod">
          <ac:chgData name="Emelie Westall Lundqvist" userId="S::s221956@dtu.dk::3a6c0c6b-4056-4919-93f8-4a249b28df98" providerId="AD" clId="Web-{433C98C4-F430-0675-B7F9-5848A6CC1463}" dt="2022-12-17T21:05:10.090" v="1391" actId="1076"/>
          <ac:spMkLst>
            <pc:docMk/>
            <pc:sldMk cId="2964722753" sldId="293"/>
            <ac:spMk id="6" creationId="{5D8353D7-0D70-D64C-26FA-61D1213C00ED}"/>
          </ac:spMkLst>
        </pc:spChg>
        <pc:spChg chg="mod">
          <ac:chgData name="Emelie Westall Lundqvist" userId="S::s221956@dtu.dk::3a6c0c6b-4056-4919-93f8-4a249b28df98" providerId="AD" clId="Web-{433C98C4-F430-0675-B7F9-5848A6CC1463}" dt="2022-12-17T21:02:58.432" v="1386" actId="1076"/>
          <ac:spMkLst>
            <pc:docMk/>
            <pc:sldMk cId="2964722753" sldId="293"/>
            <ac:spMk id="11" creationId="{21F02E95-C36D-2B40-8935-098180D5D021}"/>
          </ac:spMkLst>
        </pc:spChg>
        <pc:spChg chg="mod">
          <ac:chgData name="Emelie Westall Lundqvist" userId="S::s221956@dtu.dk::3a6c0c6b-4056-4919-93f8-4a249b28df98" providerId="AD" clId="Web-{433C98C4-F430-0675-B7F9-5848A6CC1463}" dt="2022-12-17T21:02:40.103" v="1381" actId="20577"/>
          <ac:spMkLst>
            <pc:docMk/>
            <pc:sldMk cId="2964722753" sldId="293"/>
            <ac:spMk id="17" creationId="{386A0A3F-0987-CD07-9077-784FC812F19A}"/>
          </ac:spMkLst>
        </pc:spChg>
        <pc:spChg chg="mod">
          <ac:chgData name="Emelie Westall Lundqvist" userId="S::s221956@dtu.dk::3a6c0c6b-4056-4919-93f8-4a249b28df98" providerId="AD" clId="Web-{433C98C4-F430-0675-B7F9-5848A6CC1463}" dt="2022-12-17T21:02:58.447" v="1387" actId="1076"/>
          <ac:spMkLst>
            <pc:docMk/>
            <pc:sldMk cId="2964722753" sldId="293"/>
            <ac:spMk id="19" creationId="{87F03E5B-622E-14F0-BF9A-AC71881FCABD}"/>
          </ac:spMkLst>
        </pc:spChg>
        <pc:picChg chg="mod">
          <ac:chgData name="Emelie Westall Lundqvist" userId="S::s221956@dtu.dk::3a6c0c6b-4056-4919-93f8-4a249b28df98" providerId="AD" clId="Web-{433C98C4-F430-0675-B7F9-5848A6CC1463}" dt="2022-12-17T21:04:56.168" v="1390" actId="1076"/>
          <ac:picMkLst>
            <pc:docMk/>
            <pc:sldMk cId="2964722753" sldId="293"/>
            <ac:picMk id="3" creationId="{17F4B1A4-475D-1E38-AA20-FF44E25DBDDE}"/>
          </ac:picMkLst>
        </pc:picChg>
        <pc:picChg chg="add mod">
          <ac:chgData name="Emelie Westall Lundqvist" userId="S::s221956@dtu.dk::3a6c0c6b-4056-4919-93f8-4a249b28df98" providerId="AD" clId="Web-{433C98C4-F430-0675-B7F9-5848A6CC1463}" dt="2022-12-17T21:04:53.356" v="1389" actId="1076"/>
          <ac:picMkLst>
            <pc:docMk/>
            <pc:sldMk cId="2964722753" sldId="293"/>
            <ac:picMk id="12" creationId="{4FCAD44F-E358-114B-A2BE-E605848F38DA}"/>
          </ac:picMkLst>
        </pc:picChg>
        <pc:inkChg chg="mod">
          <ac:chgData name="Emelie Westall Lundqvist" userId="S::s221956@dtu.dk::3a6c0c6b-4056-4919-93f8-4a249b28df98" providerId="AD" clId="Web-{433C98C4-F430-0675-B7F9-5848A6CC1463}" dt="2022-12-17T21:02:58.400" v="1385" actId="1076"/>
          <ac:inkMkLst>
            <pc:docMk/>
            <pc:sldMk cId="2964722753" sldId="293"/>
            <ac:inkMk id="27" creationId="{A82C6F91-773A-3253-D22B-08FD0E52F7AE}"/>
          </ac:inkMkLst>
        </pc:inkChg>
      </pc:sldChg>
      <pc:sldChg chg="addSp delSp modSp">
        <pc:chgData name="Emelie Westall Lundqvist" userId="S::s221956@dtu.dk::3a6c0c6b-4056-4919-93f8-4a249b28df98" providerId="AD" clId="Web-{433C98C4-F430-0675-B7F9-5848A6CC1463}" dt="2022-12-17T20:43:35.581" v="903" actId="20577"/>
        <pc:sldMkLst>
          <pc:docMk/>
          <pc:sldMk cId="3126814601" sldId="297"/>
        </pc:sldMkLst>
        <pc:spChg chg="mod">
          <ac:chgData name="Emelie Westall Lundqvist" userId="S::s221956@dtu.dk::3a6c0c6b-4056-4919-93f8-4a249b28df98" providerId="AD" clId="Web-{433C98C4-F430-0675-B7F9-5848A6CC1463}" dt="2022-12-17T20:37:36.760" v="825" actId="20577"/>
          <ac:spMkLst>
            <pc:docMk/>
            <pc:sldMk cId="3126814601" sldId="297"/>
            <ac:spMk id="3" creationId="{89E26569-BA16-7E1E-ACF2-21DBA23C3713}"/>
          </ac:spMkLst>
        </pc:spChg>
        <pc:spChg chg="mod">
          <ac:chgData name="Emelie Westall Lundqvist" userId="S::s221956@dtu.dk::3a6c0c6b-4056-4919-93f8-4a249b28df98" providerId="AD" clId="Web-{433C98C4-F430-0675-B7F9-5848A6CC1463}" dt="2022-12-17T20:37:31.401" v="824" actId="1076"/>
          <ac:spMkLst>
            <pc:docMk/>
            <pc:sldMk cId="3126814601" sldId="297"/>
            <ac:spMk id="5" creationId="{144ED827-ACA1-5E06-7C3D-51B166105391}"/>
          </ac:spMkLst>
        </pc:spChg>
        <pc:spChg chg="add del mod">
          <ac:chgData name="Emelie Westall Lundqvist" userId="S::s221956@dtu.dk::3a6c0c6b-4056-4919-93f8-4a249b28df98" providerId="AD" clId="Web-{433C98C4-F430-0675-B7F9-5848A6CC1463}" dt="2022-12-17T20:07:36.739" v="161"/>
          <ac:spMkLst>
            <pc:docMk/>
            <pc:sldMk cId="3126814601" sldId="297"/>
            <ac:spMk id="8" creationId="{6E430E49-0908-D09F-6180-F555ED655736}"/>
          </ac:spMkLst>
        </pc:spChg>
        <pc:spChg chg="mod">
          <ac:chgData name="Emelie Westall Lundqvist" userId="S::s221956@dtu.dk::3a6c0c6b-4056-4919-93f8-4a249b28df98" providerId="AD" clId="Web-{433C98C4-F430-0675-B7F9-5848A6CC1463}" dt="2022-12-17T20:38:09.184" v="830" actId="20577"/>
          <ac:spMkLst>
            <pc:docMk/>
            <pc:sldMk cId="3126814601" sldId="297"/>
            <ac:spMk id="9" creationId="{6D7B45B7-3FFF-6874-0FED-88BB7D81D986}"/>
          </ac:spMkLst>
        </pc:spChg>
        <pc:spChg chg="add mod">
          <ac:chgData name="Emelie Westall Lundqvist" userId="S::s221956@dtu.dk::3a6c0c6b-4056-4919-93f8-4a249b28df98" providerId="AD" clId="Web-{433C98C4-F430-0675-B7F9-5848A6CC1463}" dt="2022-12-17T20:36:31.743" v="786" actId="1076"/>
          <ac:spMkLst>
            <pc:docMk/>
            <pc:sldMk cId="3126814601" sldId="297"/>
            <ac:spMk id="15" creationId="{C9B6672D-8150-DE86-4608-A4295233B68D}"/>
          </ac:spMkLst>
        </pc:spChg>
        <pc:spChg chg="add del mod">
          <ac:chgData name="Emelie Westall Lundqvist" userId="S::s221956@dtu.dk::3a6c0c6b-4056-4919-93f8-4a249b28df98" providerId="AD" clId="Web-{433C98C4-F430-0675-B7F9-5848A6CC1463}" dt="2022-12-17T20:28:05.029" v="535"/>
          <ac:spMkLst>
            <pc:docMk/>
            <pc:sldMk cId="3126814601" sldId="297"/>
            <ac:spMk id="16" creationId="{27AEBF29-5FDB-7C42-C068-80EA91AAFD32}"/>
          </ac:spMkLst>
        </pc:spChg>
        <pc:spChg chg="add mod">
          <ac:chgData name="Emelie Westall Lundqvist" userId="S::s221956@dtu.dk::3a6c0c6b-4056-4919-93f8-4a249b28df98" providerId="AD" clId="Web-{433C98C4-F430-0675-B7F9-5848A6CC1463}" dt="2022-12-17T20:37:50.729" v="827" actId="1076"/>
          <ac:spMkLst>
            <pc:docMk/>
            <pc:sldMk cId="3126814601" sldId="297"/>
            <ac:spMk id="17" creationId="{7DB9D7EC-9D37-444D-A060-0CE59579FABA}"/>
          </ac:spMkLst>
        </pc:spChg>
        <pc:spChg chg="add mod">
          <ac:chgData name="Emelie Westall Lundqvist" userId="S::s221956@dtu.dk::3a6c0c6b-4056-4919-93f8-4a249b28df98" providerId="AD" clId="Web-{433C98C4-F430-0675-B7F9-5848A6CC1463}" dt="2022-12-17T20:43:35.581" v="903" actId="20577"/>
          <ac:spMkLst>
            <pc:docMk/>
            <pc:sldMk cId="3126814601" sldId="297"/>
            <ac:spMk id="18" creationId="{FE3EE6A0-0B57-DB9F-CC58-4AEEB5A2F024}"/>
          </ac:spMkLst>
        </pc:spChg>
        <pc:picChg chg="mod">
          <ac:chgData name="Emelie Westall Lundqvist" userId="S::s221956@dtu.dk::3a6c0c6b-4056-4919-93f8-4a249b28df98" providerId="AD" clId="Web-{433C98C4-F430-0675-B7F9-5848A6CC1463}" dt="2022-12-17T20:37:26.823" v="823" actId="1076"/>
          <ac:picMkLst>
            <pc:docMk/>
            <pc:sldMk cId="3126814601" sldId="297"/>
            <ac:picMk id="2" creationId="{A1FBDAE1-64E4-27EA-FCD6-3E1B2B23BE10}"/>
          </ac:picMkLst>
        </pc:picChg>
        <pc:picChg chg="add del mod">
          <ac:chgData name="Emelie Westall Lundqvist" userId="S::s221956@dtu.dk::3a6c0c6b-4056-4919-93f8-4a249b28df98" providerId="AD" clId="Web-{433C98C4-F430-0675-B7F9-5848A6CC1463}" dt="2022-12-17T20:07:37.473" v="162"/>
          <ac:picMkLst>
            <pc:docMk/>
            <pc:sldMk cId="3126814601" sldId="297"/>
            <ac:picMk id="12" creationId="{DF9C2E23-E92B-8271-FC72-28213E6F4017}"/>
          </ac:picMkLst>
        </pc:picChg>
        <pc:picChg chg="add del mod">
          <ac:chgData name="Emelie Westall Lundqvist" userId="S::s221956@dtu.dk::3a6c0c6b-4056-4919-93f8-4a249b28df98" providerId="AD" clId="Web-{433C98C4-F430-0675-B7F9-5848A6CC1463}" dt="2022-12-17T20:07:33.270" v="160"/>
          <ac:picMkLst>
            <pc:docMk/>
            <pc:sldMk cId="3126814601" sldId="297"/>
            <ac:picMk id="14" creationId="{AC85E812-5E60-0552-2761-71737FFF0766}"/>
          </ac:picMkLst>
        </pc:picChg>
      </pc:sldChg>
      <pc:sldChg chg="modSp">
        <pc:chgData name="Emelie Westall Lundqvist" userId="S::s221956@dtu.dk::3a6c0c6b-4056-4919-93f8-4a249b28df98" providerId="AD" clId="Web-{433C98C4-F430-0675-B7F9-5848A6CC1463}" dt="2022-12-17T20:12:46.011" v="250" actId="1076"/>
        <pc:sldMkLst>
          <pc:docMk/>
          <pc:sldMk cId="3544203875" sldId="298"/>
        </pc:sldMkLst>
        <pc:graphicFrameChg chg="mod">
          <ac:chgData name="Emelie Westall Lundqvist" userId="S::s221956@dtu.dk::3a6c0c6b-4056-4919-93f8-4a249b28df98" providerId="AD" clId="Web-{433C98C4-F430-0675-B7F9-5848A6CC1463}" dt="2022-12-17T20:12:46.011" v="250" actId="1076"/>
          <ac:graphicFrameMkLst>
            <pc:docMk/>
            <pc:sldMk cId="3544203875" sldId="298"/>
            <ac:graphicFrameMk id="5" creationId="{4CFAEE28-2196-5691-6E57-227D94F85632}"/>
          </ac:graphicFrameMkLst>
        </pc:graphicFrameChg>
      </pc:sldChg>
      <pc:sldChg chg="modSp">
        <pc:chgData name="Emelie Westall Lundqvist" userId="S::s221956@dtu.dk::3a6c0c6b-4056-4919-93f8-4a249b28df98" providerId="AD" clId="Web-{433C98C4-F430-0675-B7F9-5848A6CC1463}" dt="2022-12-17T20:43:37.924" v="911" actId="20577"/>
        <pc:sldMkLst>
          <pc:docMk/>
          <pc:sldMk cId="147410912" sldId="299"/>
        </pc:sldMkLst>
        <pc:spChg chg="mod">
          <ac:chgData name="Emelie Westall Lundqvist" userId="S::s221956@dtu.dk::3a6c0c6b-4056-4919-93f8-4a249b28df98" providerId="AD" clId="Web-{433C98C4-F430-0675-B7F9-5848A6CC1463}" dt="2022-12-17T20:43:37.924" v="911" actId="20577"/>
          <ac:spMkLst>
            <pc:docMk/>
            <pc:sldMk cId="147410912" sldId="299"/>
            <ac:spMk id="2" creationId="{BE5E7107-05AC-4FC1-2B80-7AFF3A52AAAD}"/>
          </ac:spMkLst>
        </pc:spChg>
      </pc:sldChg>
      <pc:sldChg chg="delSp modSp">
        <pc:chgData name="Emelie Westall Lundqvist" userId="S::s221956@dtu.dk::3a6c0c6b-4056-4919-93f8-4a249b28df98" providerId="AD" clId="Web-{433C98C4-F430-0675-B7F9-5848A6CC1463}" dt="2022-12-17T20:09:48.304" v="208"/>
        <pc:sldMkLst>
          <pc:docMk/>
          <pc:sldMk cId="2415759273" sldId="300"/>
        </pc:sldMkLst>
        <pc:spChg chg="mod">
          <ac:chgData name="Emelie Westall Lundqvist" userId="S::s221956@dtu.dk::3a6c0c6b-4056-4919-93f8-4a249b28df98" providerId="AD" clId="Web-{433C98C4-F430-0675-B7F9-5848A6CC1463}" dt="2022-12-17T20:02:43.343" v="16" actId="20577"/>
          <ac:spMkLst>
            <pc:docMk/>
            <pc:sldMk cId="2415759273" sldId="300"/>
            <ac:spMk id="3" creationId="{89E26569-BA16-7E1E-ACF2-21DBA23C3713}"/>
          </ac:spMkLst>
        </pc:spChg>
        <pc:spChg chg="del">
          <ac:chgData name="Emelie Westall Lundqvist" userId="S::s221956@dtu.dk::3a6c0c6b-4056-4919-93f8-4a249b28df98" providerId="AD" clId="Web-{433C98C4-F430-0675-B7F9-5848A6CC1463}" dt="2022-12-17T20:09:13.210" v="190"/>
          <ac:spMkLst>
            <pc:docMk/>
            <pc:sldMk cId="2415759273" sldId="300"/>
            <ac:spMk id="14" creationId="{1737F13D-0CBA-A0C0-31D6-1A9B989880B4}"/>
          </ac:spMkLst>
        </pc:spChg>
        <pc:spChg chg="del">
          <ac:chgData name="Emelie Westall Lundqvist" userId="S::s221956@dtu.dk::3a6c0c6b-4056-4919-93f8-4a249b28df98" providerId="AD" clId="Web-{433C98C4-F430-0675-B7F9-5848A6CC1463}" dt="2022-12-17T20:09:48.304" v="208"/>
          <ac:spMkLst>
            <pc:docMk/>
            <pc:sldMk cId="2415759273" sldId="300"/>
            <ac:spMk id="24" creationId="{D9246612-B4AD-7A78-0FFB-DCDFDC32932D}"/>
          </ac:spMkLst>
        </pc:spChg>
        <pc:picChg chg="del">
          <ac:chgData name="Emelie Westall Lundqvist" userId="S::s221956@dtu.dk::3a6c0c6b-4056-4919-93f8-4a249b28df98" providerId="AD" clId="Web-{433C98C4-F430-0675-B7F9-5848A6CC1463}" dt="2022-12-17T20:09:13.210" v="189"/>
          <ac:picMkLst>
            <pc:docMk/>
            <pc:sldMk cId="2415759273" sldId="300"/>
            <ac:picMk id="16" creationId="{BE9025E5-F2D6-B905-B30D-9E10BDAD3A39}"/>
          </ac:picMkLst>
        </pc:picChg>
        <pc:picChg chg="del">
          <ac:chgData name="Emelie Westall Lundqvist" userId="S::s221956@dtu.dk::3a6c0c6b-4056-4919-93f8-4a249b28df98" providerId="AD" clId="Web-{433C98C4-F430-0675-B7F9-5848A6CC1463}" dt="2022-12-17T20:09:13.210" v="188"/>
          <ac:picMkLst>
            <pc:docMk/>
            <pc:sldMk cId="2415759273" sldId="300"/>
            <ac:picMk id="18" creationId="{D8011D27-5D90-2AED-0631-EAEC0E1369AE}"/>
          </ac:picMkLst>
        </pc:picChg>
      </pc:sldChg>
      <pc:sldChg chg="addSp delSp modSp new mod chgLayout modNotes">
        <pc:chgData name="Emelie Westall Lundqvist" userId="S::s221956@dtu.dk::3a6c0c6b-4056-4919-93f8-4a249b28df98" providerId="AD" clId="Web-{433C98C4-F430-0675-B7F9-5848A6CC1463}" dt="2022-12-17T20:39:17.951" v="836" actId="20577"/>
        <pc:sldMkLst>
          <pc:docMk/>
          <pc:sldMk cId="1785503234" sldId="301"/>
        </pc:sldMkLst>
        <pc:spChg chg="mod ord">
          <ac:chgData name="Emelie Westall Lundqvist" userId="S::s221956@dtu.dk::3a6c0c6b-4056-4919-93f8-4a249b28df98" providerId="AD" clId="Web-{433C98C4-F430-0675-B7F9-5848A6CC1463}" dt="2022-12-17T20:10:28.117" v="235" actId="1076"/>
          <ac:spMkLst>
            <pc:docMk/>
            <pc:sldMk cId="1785503234" sldId="301"/>
            <ac:spMk id="2" creationId="{827C0698-133C-40B5-2A3A-8115E886F7D6}"/>
          </ac:spMkLst>
        </pc:spChg>
        <pc:spChg chg="del mod ord">
          <ac:chgData name="Emelie Westall Lundqvist" userId="S::s221956@dtu.dk::3a6c0c6b-4056-4919-93f8-4a249b28df98" providerId="AD" clId="Web-{433C98C4-F430-0675-B7F9-5848A6CC1463}" dt="2022-12-17T20:08:35.943" v="183"/>
          <ac:spMkLst>
            <pc:docMk/>
            <pc:sldMk cId="1785503234" sldId="301"/>
            <ac:spMk id="3" creationId="{DAFF1B1C-4857-68E3-B9F4-0C92A92A8CDB}"/>
          </ac:spMkLst>
        </pc:spChg>
        <pc:spChg chg="mod ord">
          <ac:chgData name="Emelie Westall Lundqvist" userId="S::s221956@dtu.dk::3a6c0c6b-4056-4919-93f8-4a249b28df98" providerId="AD" clId="Web-{433C98C4-F430-0675-B7F9-5848A6CC1463}" dt="2022-12-17T20:08:27.224" v="176"/>
          <ac:spMkLst>
            <pc:docMk/>
            <pc:sldMk cId="1785503234" sldId="301"/>
            <ac:spMk id="4" creationId="{B45BB6AA-FFD6-F5A9-F3C9-ABD62A9A631E}"/>
          </ac:spMkLst>
        </pc:spChg>
        <pc:spChg chg="add mod">
          <ac:chgData name="Emelie Westall Lundqvist" userId="S::s221956@dtu.dk::3a6c0c6b-4056-4919-93f8-4a249b28df98" providerId="AD" clId="Web-{433C98C4-F430-0675-B7F9-5848A6CC1463}" dt="2022-12-17T20:15:58.749" v="328" actId="14100"/>
          <ac:spMkLst>
            <pc:docMk/>
            <pc:sldMk cId="1785503234" sldId="301"/>
            <ac:spMk id="6" creationId="{359C384D-3E98-E8B4-0031-9AC9E261639A}"/>
          </ac:spMkLst>
        </pc:spChg>
        <pc:spChg chg="add mod">
          <ac:chgData name="Emelie Westall Lundqvist" userId="S::s221956@dtu.dk::3a6c0c6b-4056-4919-93f8-4a249b28df98" providerId="AD" clId="Web-{433C98C4-F430-0675-B7F9-5848A6CC1463}" dt="2022-12-17T20:15:48.233" v="322" actId="20577"/>
          <ac:spMkLst>
            <pc:docMk/>
            <pc:sldMk cId="1785503234" sldId="301"/>
            <ac:spMk id="9" creationId="{85DFCD20-1F20-1049-9A80-699F5A68037E}"/>
          </ac:spMkLst>
        </pc:spChg>
        <pc:spChg chg="add mod">
          <ac:chgData name="Emelie Westall Lundqvist" userId="S::s221956@dtu.dk::3a6c0c6b-4056-4919-93f8-4a249b28df98" providerId="AD" clId="Web-{433C98C4-F430-0675-B7F9-5848A6CC1463}" dt="2022-12-17T20:39:17.951" v="836" actId="20577"/>
          <ac:spMkLst>
            <pc:docMk/>
            <pc:sldMk cId="1785503234" sldId="301"/>
            <ac:spMk id="11" creationId="{A192166A-C8F8-11DE-BDFB-B34654955F70}"/>
          </ac:spMkLst>
        </pc:spChg>
        <pc:picChg chg="add mod">
          <ac:chgData name="Emelie Westall Lundqvist" userId="S::s221956@dtu.dk::3a6c0c6b-4056-4919-93f8-4a249b28df98" providerId="AD" clId="Web-{433C98C4-F430-0675-B7F9-5848A6CC1463}" dt="2022-12-17T20:10:41.618" v="239" actId="1076"/>
          <ac:picMkLst>
            <pc:docMk/>
            <pc:sldMk cId="1785503234" sldId="301"/>
            <ac:picMk id="5" creationId="{E6A33F7B-0198-03B0-1A50-840FF83DF460}"/>
          </ac:picMkLst>
        </pc:picChg>
        <pc:picChg chg="add mod">
          <ac:chgData name="Emelie Westall Lundqvist" userId="S::s221956@dtu.dk::3a6c0c6b-4056-4919-93f8-4a249b28df98" providerId="AD" clId="Web-{433C98C4-F430-0675-B7F9-5848A6CC1463}" dt="2022-12-17T20:11:08.306" v="247" actId="1076"/>
          <ac:picMkLst>
            <pc:docMk/>
            <pc:sldMk cId="1785503234" sldId="301"/>
            <ac:picMk id="7" creationId="{F1889101-91A9-4E7E-4436-FBF6533FC35F}"/>
          </ac:picMkLst>
        </pc:picChg>
        <pc:picChg chg="add mod">
          <ac:chgData name="Emelie Westall Lundqvist" userId="S::s221956@dtu.dk::3a6c0c6b-4056-4919-93f8-4a249b28df98" providerId="AD" clId="Web-{433C98C4-F430-0675-B7F9-5848A6CC1463}" dt="2022-12-17T20:10:50.852" v="241" actId="1076"/>
          <ac:picMkLst>
            <pc:docMk/>
            <pc:sldMk cId="1785503234" sldId="301"/>
            <ac:picMk id="8" creationId="{3870EB15-E6DA-5031-ED31-1C41CF6D1523}"/>
          </ac:picMkLst>
        </pc:picChg>
        <pc:picChg chg="add mod">
          <ac:chgData name="Emelie Westall Lundqvist" userId="S::s221956@dtu.dk::3a6c0c6b-4056-4919-93f8-4a249b28df98" providerId="AD" clId="Web-{433C98C4-F430-0675-B7F9-5848A6CC1463}" dt="2022-12-17T20:25:21.666" v="523" actId="1076"/>
          <ac:picMkLst>
            <pc:docMk/>
            <pc:sldMk cId="1785503234" sldId="301"/>
            <ac:picMk id="12" creationId="{96C677C5-5E8B-2609-6F4A-99FD73F50992}"/>
          </ac:picMkLst>
        </pc:picChg>
      </pc:sldChg>
      <pc:sldChg chg="addSp delSp modSp add del ord replId">
        <pc:chgData name="Emelie Westall Lundqvist" userId="S::s221956@dtu.dk::3a6c0c6b-4056-4919-93f8-4a249b28df98" providerId="AD" clId="Web-{433C98C4-F430-0675-B7F9-5848A6CC1463}" dt="2022-12-17T20:18:39.939" v="409"/>
        <pc:sldMkLst>
          <pc:docMk/>
          <pc:sldMk cId="604144248" sldId="302"/>
        </pc:sldMkLst>
        <pc:spChg chg="del">
          <ac:chgData name="Emelie Westall Lundqvist" userId="S::s221956@dtu.dk::3a6c0c6b-4056-4919-93f8-4a249b28df98" providerId="AD" clId="Web-{433C98C4-F430-0675-B7F9-5848A6CC1463}" dt="2022-12-17T20:18:27.236" v="407"/>
          <ac:spMkLst>
            <pc:docMk/>
            <pc:sldMk cId="604144248" sldId="302"/>
            <ac:spMk id="3" creationId="{89E26569-BA16-7E1E-ACF2-21DBA23C3713}"/>
          </ac:spMkLst>
        </pc:spChg>
        <pc:spChg chg="add del mod">
          <ac:chgData name="Emelie Westall Lundqvist" userId="S::s221956@dtu.dk::3a6c0c6b-4056-4919-93f8-4a249b28df98" providerId="AD" clId="Web-{433C98C4-F430-0675-B7F9-5848A6CC1463}" dt="2022-12-17T20:18:37.986" v="408"/>
          <ac:spMkLst>
            <pc:docMk/>
            <pc:sldMk cId="604144248" sldId="302"/>
            <ac:spMk id="8" creationId="{2F5A37A6-FBC5-EC5C-B4B1-9A4B05A4AD54}"/>
          </ac:spMkLst>
        </pc:spChg>
        <pc:picChg chg="del">
          <ac:chgData name="Emelie Westall Lundqvist" userId="S::s221956@dtu.dk::3a6c0c6b-4056-4919-93f8-4a249b28df98" providerId="AD" clId="Web-{433C98C4-F430-0675-B7F9-5848A6CC1463}" dt="2022-12-17T20:18:25.345" v="406"/>
          <ac:picMkLst>
            <pc:docMk/>
            <pc:sldMk cId="604144248" sldId="302"/>
            <ac:picMk id="2" creationId="{A1FBDAE1-64E4-27EA-FCD6-3E1B2B23BE10}"/>
          </ac:picMkLst>
        </pc:picChg>
      </pc:sldChg>
      <pc:sldChg chg="new del">
        <pc:chgData name="Emelie Westall Lundqvist" userId="S::s221956@dtu.dk::3a6c0c6b-4056-4919-93f8-4a249b28df98" providerId="AD" clId="Web-{433C98C4-F430-0675-B7F9-5848A6CC1463}" dt="2022-12-17T20:18:16.064" v="403"/>
        <pc:sldMkLst>
          <pc:docMk/>
          <pc:sldMk cId="1163506526" sldId="302"/>
        </pc:sldMkLst>
      </pc:sldChg>
      <pc:sldChg chg="addSp delSp modSp add del replId">
        <pc:chgData name="Emelie Westall Lundqvist" userId="S::s221956@dtu.dk::3a6c0c6b-4056-4919-93f8-4a249b28df98" providerId="AD" clId="Web-{433C98C4-F430-0675-B7F9-5848A6CC1463}" dt="2022-12-17T20:31:39.787" v="638"/>
        <pc:sldMkLst>
          <pc:docMk/>
          <pc:sldMk cId="1965425121" sldId="302"/>
        </pc:sldMkLst>
        <pc:spChg chg="mod">
          <ac:chgData name="Emelie Westall Lundqvist" userId="S::s221956@dtu.dk::3a6c0c6b-4056-4919-93f8-4a249b28df98" providerId="AD" clId="Web-{433C98C4-F430-0675-B7F9-5848A6CC1463}" dt="2022-12-17T20:31:03.239" v="634" actId="20577"/>
          <ac:spMkLst>
            <pc:docMk/>
            <pc:sldMk cId="1965425121" sldId="302"/>
            <ac:spMk id="3" creationId="{89E26569-BA16-7E1E-ACF2-21DBA23C3713}"/>
          </ac:spMkLst>
        </pc:spChg>
        <pc:spChg chg="del mod">
          <ac:chgData name="Emelie Westall Lundqvist" userId="S::s221956@dtu.dk::3a6c0c6b-4056-4919-93f8-4a249b28df98" providerId="AD" clId="Web-{433C98C4-F430-0675-B7F9-5848A6CC1463}" dt="2022-12-17T20:26:55.746" v="533"/>
          <ac:spMkLst>
            <pc:docMk/>
            <pc:sldMk cId="1965425121" sldId="302"/>
            <ac:spMk id="5" creationId="{144ED827-ACA1-5E06-7C3D-51B166105391}"/>
          </ac:spMkLst>
        </pc:spChg>
        <pc:spChg chg="mod">
          <ac:chgData name="Emelie Westall Lundqvist" userId="S::s221956@dtu.dk::3a6c0c6b-4056-4919-93f8-4a249b28df98" providerId="AD" clId="Web-{433C98C4-F430-0675-B7F9-5848A6CC1463}" dt="2022-12-17T20:29:45.769" v="560" actId="14100"/>
          <ac:spMkLst>
            <pc:docMk/>
            <pc:sldMk cId="1965425121" sldId="302"/>
            <ac:spMk id="9" creationId="{6D7B45B7-3FFF-6874-0FED-88BB7D81D986}"/>
          </ac:spMkLst>
        </pc:spChg>
        <pc:spChg chg="mod">
          <ac:chgData name="Emelie Westall Lundqvist" userId="S::s221956@dtu.dk::3a6c0c6b-4056-4919-93f8-4a249b28df98" providerId="AD" clId="Web-{433C98C4-F430-0675-B7F9-5848A6CC1463}" dt="2022-12-17T20:29:43.472" v="559" actId="14100"/>
          <ac:spMkLst>
            <pc:docMk/>
            <pc:sldMk cId="1965425121" sldId="302"/>
            <ac:spMk id="11" creationId="{118B8677-A3E2-401F-4261-EE74FC2D22E9}"/>
          </ac:spMkLst>
        </pc:spChg>
        <pc:spChg chg="del">
          <ac:chgData name="Emelie Westall Lundqvist" userId="S::s221956@dtu.dk::3a6c0c6b-4056-4919-93f8-4a249b28df98" providerId="AD" clId="Web-{433C98C4-F430-0675-B7F9-5848A6CC1463}" dt="2022-12-17T20:26:44.293" v="526"/>
          <ac:spMkLst>
            <pc:docMk/>
            <pc:sldMk cId="1965425121" sldId="302"/>
            <ac:spMk id="15" creationId="{C9B6672D-8150-DE86-4608-A4295233B68D}"/>
          </ac:spMkLst>
        </pc:spChg>
        <pc:spChg chg="mod">
          <ac:chgData name="Emelie Westall Lundqvist" userId="S::s221956@dtu.dk::3a6c0c6b-4056-4919-93f8-4a249b28df98" providerId="AD" clId="Web-{433C98C4-F430-0675-B7F9-5848A6CC1463}" dt="2022-12-17T20:29:55.691" v="561" actId="1076"/>
          <ac:spMkLst>
            <pc:docMk/>
            <pc:sldMk cId="1965425121" sldId="302"/>
            <ac:spMk id="16" creationId="{27AEBF29-5FDB-7C42-C068-80EA91AAFD32}"/>
          </ac:spMkLst>
        </pc:spChg>
        <pc:graphicFrameChg chg="add del mod modGraphic">
          <ac:chgData name="Emelie Westall Lundqvist" userId="S::s221956@dtu.dk::3a6c0c6b-4056-4919-93f8-4a249b28df98" providerId="AD" clId="Web-{433C98C4-F430-0675-B7F9-5848A6CC1463}" dt="2022-12-17T20:30:30.473" v="591"/>
          <ac:graphicFrameMkLst>
            <pc:docMk/>
            <pc:sldMk cId="1965425121" sldId="302"/>
            <ac:graphicFrameMk id="7" creationId="{0C40DFED-EB85-F361-0E07-A53D55357864}"/>
          </ac:graphicFrameMkLst>
        </pc:graphicFrameChg>
        <pc:picChg chg="del">
          <ac:chgData name="Emelie Westall Lundqvist" userId="S::s221956@dtu.dk::3a6c0c6b-4056-4919-93f8-4a249b28df98" providerId="AD" clId="Web-{433C98C4-F430-0675-B7F9-5848A6CC1463}" dt="2022-12-17T20:26:51.949" v="530"/>
          <ac:picMkLst>
            <pc:docMk/>
            <pc:sldMk cId="1965425121" sldId="302"/>
            <ac:picMk id="2" creationId="{A1FBDAE1-64E4-27EA-FCD6-3E1B2B23BE10}"/>
          </ac:picMkLst>
        </pc:picChg>
      </pc:sldChg>
      <pc:sldChg chg="addSp delSp modSp add replId">
        <pc:chgData name="Emelie Westall Lundqvist" userId="S::s221956@dtu.dk::3a6c0c6b-4056-4919-93f8-4a249b28df98" providerId="AD" clId="Web-{433C98C4-F430-0675-B7F9-5848A6CC1463}" dt="2022-12-17T20:57:08.175" v="1241" actId="1076"/>
        <pc:sldMkLst>
          <pc:docMk/>
          <pc:sldMk cId="3979833554" sldId="303"/>
        </pc:sldMkLst>
        <pc:spChg chg="mod">
          <ac:chgData name="Emelie Westall Lundqvist" userId="S::s221956@dtu.dk::3a6c0c6b-4056-4919-93f8-4a249b28df98" providerId="AD" clId="Web-{433C98C4-F430-0675-B7F9-5848A6CC1463}" dt="2022-12-17T20:57:08.175" v="1241" actId="1076"/>
          <ac:spMkLst>
            <pc:docMk/>
            <pc:sldMk cId="3979833554" sldId="303"/>
            <ac:spMk id="3" creationId="{FA3B3913-113B-2D76-0B58-5B12C8D69022}"/>
          </ac:spMkLst>
        </pc:spChg>
        <pc:spChg chg="mod">
          <ac:chgData name="Emelie Westall Lundqvist" userId="S::s221956@dtu.dk::3a6c0c6b-4056-4919-93f8-4a249b28df98" providerId="AD" clId="Web-{433C98C4-F430-0675-B7F9-5848A6CC1463}" dt="2022-12-17T20:55:29.798" v="1192" actId="1076"/>
          <ac:spMkLst>
            <pc:docMk/>
            <pc:sldMk cId="3979833554" sldId="303"/>
            <ac:spMk id="6" creationId="{19EE8700-6CF6-8816-1FEF-D2FDB2D5FE1C}"/>
          </ac:spMkLst>
        </pc:spChg>
        <pc:spChg chg="add mod">
          <ac:chgData name="Emelie Westall Lundqvist" userId="S::s221956@dtu.dk::3a6c0c6b-4056-4919-93f8-4a249b28df98" providerId="AD" clId="Web-{433C98C4-F430-0675-B7F9-5848A6CC1463}" dt="2022-12-17T20:56:58.487" v="1240" actId="20577"/>
          <ac:spMkLst>
            <pc:docMk/>
            <pc:sldMk cId="3979833554" sldId="303"/>
            <ac:spMk id="8" creationId="{0C029996-B5EC-EF84-AFA7-04471D24DD88}"/>
          </ac:spMkLst>
        </pc:spChg>
        <pc:spChg chg="del">
          <ac:chgData name="Emelie Westall Lundqvist" userId="S::s221956@dtu.dk::3a6c0c6b-4056-4919-93f8-4a249b28df98" providerId="AD" clId="Web-{433C98C4-F430-0675-B7F9-5848A6CC1463}" dt="2022-12-17T20:55:03.203" v="1172"/>
          <ac:spMkLst>
            <pc:docMk/>
            <pc:sldMk cId="3979833554" sldId="303"/>
            <ac:spMk id="23" creationId="{52298CFF-5FD3-1940-8F2C-E913E5A681A8}"/>
          </ac:spMkLst>
        </pc:spChg>
        <pc:spChg chg="mod">
          <ac:chgData name="Emelie Westall Lundqvist" userId="S::s221956@dtu.dk::3a6c0c6b-4056-4919-93f8-4a249b28df98" providerId="AD" clId="Web-{433C98C4-F430-0675-B7F9-5848A6CC1463}" dt="2022-12-17T20:55:29.798" v="1191" actId="1076"/>
          <ac:spMkLst>
            <pc:docMk/>
            <pc:sldMk cId="3979833554" sldId="303"/>
            <ac:spMk id="33" creationId="{F0363F09-764F-82FE-1EC6-DF9370414911}"/>
          </ac:spMkLst>
        </pc:spChg>
        <pc:picChg chg="mod">
          <ac:chgData name="Emelie Westall Lundqvist" userId="S::s221956@dtu.dk::3a6c0c6b-4056-4919-93f8-4a249b28df98" providerId="AD" clId="Web-{433C98C4-F430-0675-B7F9-5848A6CC1463}" dt="2022-12-17T20:55:29.813" v="1193" actId="1076"/>
          <ac:picMkLst>
            <pc:docMk/>
            <pc:sldMk cId="3979833554" sldId="303"/>
            <ac:picMk id="2" creationId="{0CF96E68-2060-BE0E-4936-9A45084CAE81}"/>
          </ac:picMkLst>
        </pc:picChg>
        <pc:picChg chg="add mod">
          <ac:chgData name="Emelie Westall Lundqvist" userId="S::s221956@dtu.dk::3a6c0c6b-4056-4919-93f8-4a249b28df98" providerId="AD" clId="Web-{433C98C4-F430-0675-B7F9-5848A6CC1463}" dt="2022-12-17T20:55:25.782" v="1188" actId="1076"/>
          <ac:picMkLst>
            <pc:docMk/>
            <pc:sldMk cId="3979833554" sldId="303"/>
            <ac:picMk id="5" creationId="{1CF694FD-EB5F-C26E-8147-170D6FE45B99}"/>
          </ac:picMkLst>
        </pc:picChg>
        <pc:picChg chg="mod">
          <ac:chgData name="Emelie Westall Lundqvist" userId="S::s221956@dtu.dk::3a6c0c6b-4056-4919-93f8-4a249b28df98" providerId="AD" clId="Web-{433C98C4-F430-0675-B7F9-5848A6CC1463}" dt="2022-12-17T20:55:29.782" v="1190" actId="1076"/>
          <ac:picMkLst>
            <pc:docMk/>
            <pc:sldMk cId="3979833554" sldId="303"/>
            <ac:picMk id="14" creationId="{CE756EE7-8EA7-502A-C95E-096535F9B190}"/>
          </ac:picMkLst>
        </pc:picChg>
        <pc:picChg chg="del">
          <ac:chgData name="Emelie Westall Lundqvist" userId="S::s221956@dtu.dk::3a6c0c6b-4056-4919-93f8-4a249b28df98" providerId="AD" clId="Web-{433C98C4-F430-0675-B7F9-5848A6CC1463}" dt="2022-12-17T20:55:01.235" v="1171"/>
          <ac:picMkLst>
            <pc:docMk/>
            <pc:sldMk cId="3979833554" sldId="303"/>
            <ac:picMk id="16" creationId="{03DFFDA8-7112-4655-2680-7A3C5EAB5A4B}"/>
          </ac:picMkLst>
        </pc:picChg>
        <pc:picChg chg="mod">
          <ac:chgData name="Emelie Westall Lundqvist" userId="S::s221956@dtu.dk::3a6c0c6b-4056-4919-93f8-4a249b28df98" providerId="AD" clId="Web-{433C98C4-F430-0675-B7F9-5848A6CC1463}" dt="2022-12-17T20:55:29.782" v="1189" actId="1076"/>
          <ac:picMkLst>
            <pc:docMk/>
            <pc:sldMk cId="3979833554" sldId="303"/>
            <ac:picMk id="20" creationId="{DBF66DBE-B975-9BF1-11E6-E4DCDE40EAD8}"/>
          </ac:picMkLst>
        </pc:picChg>
        <pc:picChg chg="del">
          <ac:chgData name="Emelie Westall Lundqvist" userId="S::s221956@dtu.dk::3a6c0c6b-4056-4919-93f8-4a249b28df98" providerId="AD" clId="Web-{433C98C4-F430-0675-B7F9-5848A6CC1463}" dt="2022-12-17T20:55:00.266" v="1170"/>
          <ac:picMkLst>
            <pc:docMk/>
            <pc:sldMk cId="3979833554" sldId="303"/>
            <ac:picMk id="24" creationId="{45F54736-16C3-A180-96BC-7D1A159FAA0B}"/>
          </ac:picMkLst>
        </pc:picChg>
        <pc:inkChg chg="mod">
          <ac:chgData name="Emelie Westall Lundqvist" userId="S::s221956@dtu.dk::3a6c0c6b-4056-4919-93f8-4a249b28df98" providerId="AD" clId="Web-{433C98C4-F430-0675-B7F9-5848A6CC1463}" dt="2022-12-17T20:55:07.829" v="1175" actId="1076"/>
          <ac:inkMkLst>
            <pc:docMk/>
            <pc:sldMk cId="3979833554" sldId="303"/>
            <ac:inkMk id="25" creationId="{88493659-A85D-837E-6EDB-7ACEC99BBE4C}"/>
          </ac:inkMkLst>
        </pc:inkChg>
        <pc:inkChg chg="mod">
          <ac:chgData name="Emelie Westall Lundqvist" userId="S::s221956@dtu.dk::3a6c0c6b-4056-4919-93f8-4a249b28df98" providerId="AD" clId="Web-{433C98C4-F430-0675-B7F9-5848A6CC1463}" dt="2022-12-17T20:55:14.751" v="1183" actId="1076"/>
          <ac:inkMkLst>
            <pc:docMk/>
            <pc:sldMk cId="3979833554" sldId="303"/>
            <ac:inkMk id="26" creationId="{AD8DC581-5E4B-5CF9-6428-E61E2E3EEDEA}"/>
          </ac:inkMkLst>
        </pc:inkChg>
      </pc:sldChg>
    </pc:docChg>
  </pc:docChgLst>
  <pc:docChgLst>
    <pc:chgData name="Nikolas Vitaliti" userId="S::s223455@dtu.dk::8c720cfb-423e-41d2-902f-4cf486698773" providerId="AD" clId="Web-{FC18DC7A-BBBC-4ED3-BF38-96C7A0509452}"/>
    <pc:docChg chg="delSld">
      <pc:chgData name="Nikolas Vitaliti" userId="S::s223455@dtu.dk::8c720cfb-423e-41d2-902f-4cf486698773" providerId="AD" clId="Web-{FC18DC7A-BBBC-4ED3-BF38-96C7A0509452}" dt="2022-12-18T16:54:37.487" v="1"/>
      <pc:docMkLst>
        <pc:docMk/>
      </pc:docMkLst>
      <pc:sldChg chg="del">
        <pc:chgData name="Nikolas Vitaliti" userId="S::s223455@dtu.dk::8c720cfb-423e-41d2-902f-4cf486698773" providerId="AD" clId="Web-{FC18DC7A-BBBC-4ED3-BF38-96C7A0509452}" dt="2022-12-18T16:54:33.690" v="0"/>
        <pc:sldMkLst>
          <pc:docMk/>
          <pc:sldMk cId="2631261181" sldId="295"/>
        </pc:sldMkLst>
      </pc:sldChg>
      <pc:sldChg chg="del">
        <pc:chgData name="Nikolas Vitaliti" userId="S::s223455@dtu.dk::8c720cfb-423e-41d2-902f-4cf486698773" providerId="AD" clId="Web-{FC18DC7A-BBBC-4ED3-BF38-96C7A0509452}" dt="2022-12-18T16:54:37.487" v="1"/>
        <pc:sldMkLst>
          <pc:docMk/>
          <pc:sldMk cId="78516677" sldId="302"/>
        </pc:sldMkLst>
      </pc:sldChg>
    </pc:docChg>
  </pc:docChgLst>
  <pc:docChgLst>
    <pc:chgData name="Emelie Westall Lundqvist" userId="S::s221956@dtu.dk::3a6c0c6b-4056-4919-93f8-4a249b28df98" providerId="AD" clId="Web-{3D9B1C2F-D709-4445-8D4F-DEBA99BA4903}"/>
    <pc:docChg chg="addSld delSld">
      <pc:chgData name="Emelie Westall Lundqvist" userId="S::s221956@dtu.dk::3a6c0c6b-4056-4919-93f8-4a249b28df98" providerId="AD" clId="Web-{3D9B1C2F-D709-4445-8D4F-DEBA99BA4903}" dt="2022-12-16T10:33:13.513" v="2"/>
      <pc:docMkLst>
        <pc:docMk/>
      </pc:docMkLst>
      <pc:sldChg chg="new del">
        <pc:chgData name="Emelie Westall Lundqvist" userId="S::s221956@dtu.dk::3a6c0c6b-4056-4919-93f8-4a249b28df98" providerId="AD" clId="Web-{3D9B1C2F-D709-4445-8D4F-DEBA99BA4903}" dt="2022-12-16T10:33:13.513" v="2"/>
        <pc:sldMkLst>
          <pc:docMk/>
          <pc:sldMk cId="3096979906" sldId="288"/>
        </pc:sldMkLst>
      </pc:sldChg>
      <pc:sldChg chg="add">
        <pc:chgData name="Emelie Westall Lundqvist" userId="S::s221956@dtu.dk::3a6c0c6b-4056-4919-93f8-4a249b28df98" providerId="AD" clId="Web-{3D9B1C2F-D709-4445-8D4F-DEBA99BA4903}" dt="2022-12-16T10:33:01.373" v="1"/>
        <pc:sldMkLst>
          <pc:docMk/>
          <pc:sldMk cId="1797996451" sldId="289"/>
        </pc:sldMkLst>
      </pc:sldChg>
    </pc:docChg>
  </pc:docChgLst>
  <pc:docChgLst>
    <pc:chgData name="Emelie Westall Lundqvist" userId="S::s221956@dtu.dk::3a6c0c6b-4056-4919-93f8-4a249b28df98" providerId="AD" clId="Web-{341385DA-2F4A-45E5-B6E0-F8C96F17596B}"/>
    <pc:docChg chg="modSld">
      <pc:chgData name="Emelie Westall Lundqvist" userId="S::s221956@dtu.dk::3a6c0c6b-4056-4919-93f8-4a249b28df98" providerId="AD" clId="Web-{341385DA-2F4A-45E5-B6E0-F8C96F17596B}" dt="2022-12-18T13:36:51.803" v="154" actId="20577"/>
      <pc:docMkLst>
        <pc:docMk/>
      </pc:docMkLst>
      <pc:sldChg chg="addSp delSp modSp">
        <pc:chgData name="Emelie Westall Lundqvist" userId="S::s221956@dtu.dk::3a6c0c6b-4056-4919-93f8-4a249b28df98" providerId="AD" clId="Web-{341385DA-2F4A-45E5-B6E0-F8C96F17596B}" dt="2022-12-18T13:28:46.942" v="122"/>
        <pc:sldMkLst>
          <pc:docMk/>
          <pc:sldMk cId="3632708366" sldId="292"/>
        </pc:sldMkLst>
        <pc:spChg chg="add del mod">
          <ac:chgData name="Emelie Westall Lundqvist" userId="S::s221956@dtu.dk::3a6c0c6b-4056-4919-93f8-4a249b28df98" providerId="AD" clId="Web-{341385DA-2F4A-45E5-B6E0-F8C96F17596B}" dt="2022-12-18T13:27:51.520" v="121"/>
          <ac:spMkLst>
            <pc:docMk/>
            <pc:sldMk cId="3632708366" sldId="292"/>
            <ac:spMk id="2" creationId="{F455BD98-3DE5-026E-A88C-E5B23D4B4AB0}"/>
          </ac:spMkLst>
        </pc:spChg>
        <pc:spChg chg="mod">
          <ac:chgData name="Emelie Westall Lundqvist" userId="S::s221956@dtu.dk::3a6c0c6b-4056-4919-93f8-4a249b28df98" providerId="AD" clId="Web-{341385DA-2F4A-45E5-B6E0-F8C96F17596B}" dt="2022-12-18T13:08:09.962" v="30" actId="20577"/>
          <ac:spMkLst>
            <pc:docMk/>
            <pc:sldMk cId="3632708366" sldId="292"/>
            <ac:spMk id="18" creationId="{337F0D07-06D8-C58D-2C30-21D1369730DE}"/>
          </ac:spMkLst>
        </pc:spChg>
        <pc:inkChg chg="del">
          <ac:chgData name="Emelie Westall Lundqvist" userId="S::s221956@dtu.dk::3a6c0c6b-4056-4919-93f8-4a249b28df98" providerId="AD" clId="Web-{341385DA-2F4A-45E5-B6E0-F8C96F17596B}" dt="2022-12-18T13:28:46.942" v="122"/>
          <ac:inkMkLst>
            <pc:docMk/>
            <pc:sldMk cId="3632708366" sldId="292"/>
            <ac:inkMk id="26" creationId="{AD8DC581-5E4B-5CF9-6428-E61E2E3EEDEA}"/>
          </ac:inkMkLst>
        </pc:inkChg>
      </pc:sldChg>
      <pc:sldChg chg="modSp">
        <pc:chgData name="Emelie Westall Lundqvist" userId="S::s221956@dtu.dk::3a6c0c6b-4056-4919-93f8-4a249b28df98" providerId="AD" clId="Web-{341385DA-2F4A-45E5-B6E0-F8C96F17596B}" dt="2022-12-18T13:36:51.803" v="154" actId="20577"/>
        <pc:sldMkLst>
          <pc:docMk/>
          <pc:sldMk cId="3846275707" sldId="294"/>
        </pc:sldMkLst>
        <pc:spChg chg="mod">
          <ac:chgData name="Emelie Westall Lundqvist" userId="S::s221956@dtu.dk::3a6c0c6b-4056-4919-93f8-4a249b28df98" providerId="AD" clId="Web-{341385DA-2F4A-45E5-B6E0-F8C96F17596B}" dt="2022-12-18T13:35:47.709" v="130" actId="20577"/>
          <ac:spMkLst>
            <pc:docMk/>
            <pc:sldMk cId="3846275707" sldId="294"/>
            <ac:spMk id="3" creationId="{030918C6-C726-46DA-5B7D-A132FF9130C5}"/>
          </ac:spMkLst>
        </pc:spChg>
        <pc:spChg chg="mod">
          <ac:chgData name="Emelie Westall Lundqvist" userId="S::s221956@dtu.dk::3a6c0c6b-4056-4919-93f8-4a249b28df98" providerId="AD" clId="Web-{341385DA-2F4A-45E5-B6E0-F8C96F17596B}" dt="2022-12-18T13:36:51.803" v="154" actId="20577"/>
          <ac:spMkLst>
            <pc:docMk/>
            <pc:sldMk cId="3846275707" sldId="294"/>
            <ac:spMk id="5" creationId="{FC0D1D2C-865B-DF87-FC53-81E25FA6BF3C}"/>
          </ac:spMkLst>
        </pc:spChg>
      </pc:sldChg>
      <pc:sldChg chg="modSp">
        <pc:chgData name="Emelie Westall Lundqvist" userId="S::s221956@dtu.dk::3a6c0c6b-4056-4919-93f8-4a249b28df98" providerId="AD" clId="Web-{341385DA-2F4A-45E5-B6E0-F8C96F17596B}" dt="2022-12-18T13:22:44.800" v="119" actId="1076"/>
        <pc:sldMkLst>
          <pc:docMk/>
          <pc:sldMk cId="3126814601" sldId="297"/>
        </pc:sldMkLst>
        <pc:picChg chg="mod">
          <ac:chgData name="Emelie Westall Lundqvist" userId="S::s221956@dtu.dk::3a6c0c6b-4056-4919-93f8-4a249b28df98" providerId="AD" clId="Web-{341385DA-2F4A-45E5-B6E0-F8C96F17596B}" dt="2022-12-18T13:22:44.800" v="119" actId="1076"/>
          <ac:picMkLst>
            <pc:docMk/>
            <pc:sldMk cId="3126814601" sldId="297"/>
            <ac:picMk id="19" creationId="{911EDB20-491B-94DD-DEBD-39D01C4BE840}"/>
          </ac:picMkLst>
        </pc:picChg>
      </pc:sldChg>
      <pc:sldChg chg="modSp">
        <pc:chgData name="Emelie Westall Lundqvist" userId="S::s221956@dtu.dk::3a6c0c6b-4056-4919-93f8-4a249b28df98" providerId="AD" clId="Web-{341385DA-2F4A-45E5-B6E0-F8C96F17596B}" dt="2022-12-18T13:10:55.516" v="117" actId="20577"/>
        <pc:sldMkLst>
          <pc:docMk/>
          <pc:sldMk cId="3979833554" sldId="303"/>
        </pc:sldMkLst>
        <pc:spChg chg="mod">
          <ac:chgData name="Emelie Westall Lundqvist" userId="S::s221956@dtu.dk::3a6c0c6b-4056-4919-93f8-4a249b28df98" providerId="AD" clId="Web-{341385DA-2F4A-45E5-B6E0-F8C96F17596B}" dt="2022-12-18T13:10:55.516" v="117" actId="20577"/>
          <ac:spMkLst>
            <pc:docMk/>
            <pc:sldMk cId="3979833554" sldId="303"/>
            <ac:spMk id="3" creationId="{FA3B3913-113B-2D76-0B58-5B12C8D69022}"/>
          </ac:spMkLst>
        </pc:spChg>
      </pc:sldChg>
    </pc:docChg>
  </pc:docChgLst>
  <pc:docChgLst>
    <pc:chgData name="Emelie Westall Lundqvist" userId="S::s221956@dtu.dk::3a6c0c6b-4056-4919-93f8-4a249b28df98" providerId="AD" clId="Web-{9CC156FE-361E-4FB8-9CBF-41E98B392E0A}"/>
    <pc:docChg chg="modSld sldOrd">
      <pc:chgData name="Emelie Westall Lundqvist" userId="S::s221956@dtu.dk::3a6c0c6b-4056-4919-93f8-4a249b28df98" providerId="AD" clId="Web-{9CC156FE-361E-4FB8-9CBF-41E98B392E0A}" dt="2022-12-17T17:10:45.331" v="69" actId="14100"/>
      <pc:docMkLst>
        <pc:docMk/>
      </pc:docMkLst>
      <pc:sldChg chg="ord">
        <pc:chgData name="Emelie Westall Lundqvist" userId="S::s221956@dtu.dk::3a6c0c6b-4056-4919-93f8-4a249b28df98" providerId="AD" clId="Web-{9CC156FE-361E-4FB8-9CBF-41E98B392E0A}" dt="2022-12-17T17:08:08.315" v="50"/>
        <pc:sldMkLst>
          <pc:docMk/>
          <pc:sldMk cId="1797996451" sldId="289"/>
        </pc:sldMkLst>
      </pc:sldChg>
      <pc:sldChg chg="modSp">
        <pc:chgData name="Emelie Westall Lundqvist" userId="S::s221956@dtu.dk::3a6c0c6b-4056-4919-93f8-4a249b28df98" providerId="AD" clId="Web-{9CC156FE-361E-4FB8-9CBF-41E98B392E0A}" dt="2022-12-17T17:06:30.892" v="34" actId="20577"/>
        <pc:sldMkLst>
          <pc:docMk/>
          <pc:sldMk cId="1709986772" sldId="291"/>
        </pc:sldMkLst>
        <pc:spChg chg="mod">
          <ac:chgData name="Emelie Westall Lundqvist" userId="S::s221956@dtu.dk::3a6c0c6b-4056-4919-93f8-4a249b28df98" providerId="AD" clId="Web-{9CC156FE-361E-4FB8-9CBF-41E98B392E0A}" dt="2022-12-17T17:06:30.892" v="34" actId="20577"/>
          <ac:spMkLst>
            <pc:docMk/>
            <pc:sldMk cId="1709986772" sldId="291"/>
            <ac:spMk id="9" creationId="{6D7B45B7-3FFF-6874-0FED-88BB7D81D986}"/>
          </ac:spMkLst>
        </pc:spChg>
      </pc:sldChg>
      <pc:sldChg chg="modSp">
        <pc:chgData name="Emelie Westall Lundqvist" userId="S::s221956@dtu.dk::3a6c0c6b-4056-4919-93f8-4a249b28df98" providerId="AD" clId="Web-{9CC156FE-361E-4FB8-9CBF-41E98B392E0A}" dt="2022-12-17T17:10:45.331" v="69" actId="14100"/>
        <pc:sldMkLst>
          <pc:docMk/>
          <pc:sldMk cId="3632708366" sldId="292"/>
        </pc:sldMkLst>
        <pc:spChg chg="mod">
          <ac:chgData name="Emelie Westall Lundqvist" userId="S::s221956@dtu.dk::3a6c0c6b-4056-4919-93f8-4a249b28df98" providerId="AD" clId="Web-{9CC156FE-361E-4FB8-9CBF-41E98B392E0A}" dt="2022-12-17T17:10:45.331" v="69" actId="14100"/>
          <ac:spMkLst>
            <pc:docMk/>
            <pc:sldMk cId="3632708366" sldId="292"/>
            <ac:spMk id="3" creationId="{FA3B3913-113B-2D76-0B58-5B12C8D69022}"/>
          </ac:spMkLst>
        </pc:spChg>
      </pc:sldChg>
      <pc:sldChg chg="modSp">
        <pc:chgData name="Emelie Westall Lundqvist" userId="S::s221956@dtu.dk::3a6c0c6b-4056-4919-93f8-4a249b28df98" providerId="AD" clId="Web-{9CC156FE-361E-4FB8-9CBF-41E98B392E0A}" dt="2022-12-17T17:06:37.861" v="41" actId="20577"/>
        <pc:sldMkLst>
          <pc:docMk/>
          <pc:sldMk cId="3126814601" sldId="297"/>
        </pc:sldMkLst>
        <pc:spChg chg="mod">
          <ac:chgData name="Emelie Westall Lundqvist" userId="S::s221956@dtu.dk::3a6c0c6b-4056-4919-93f8-4a249b28df98" providerId="AD" clId="Web-{9CC156FE-361E-4FB8-9CBF-41E98B392E0A}" dt="2022-12-17T17:06:37.861" v="41" actId="20577"/>
          <ac:spMkLst>
            <pc:docMk/>
            <pc:sldMk cId="3126814601" sldId="297"/>
            <ac:spMk id="3" creationId="{89E26569-BA16-7E1E-ACF2-21DBA23C3713}"/>
          </ac:spMkLst>
        </pc:spChg>
      </pc:sldChg>
      <pc:sldChg chg="modSp">
        <pc:chgData name="Emelie Westall Lundqvist" userId="S::s221956@dtu.dk::3a6c0c6b-4056-4919-93f8-4a249b28df98" providerId="AD" clId="Web-{9CC156FE-361E-4FB8-9CBF-41E98B392E0A}" dt="2022-12-17T17:06:55.533" v="49" actId="20577"/>
        <pc:sldMkLst>
          <pc:docMk/>
          <pc:sldMk cId="3544203875" sldId="298"/>
        </pc:sldMkLst>
        <pc:spChg chg="mod">
          <ac:chgData name="Emelie Westall Lundqvist" userId="S::s221956@dtu.dk::3a6c0c6b-4056-4919-93f8-4a249b28df98" providerId="AD" clId="Web-{9CC156FE-361E-4FB8-9CBF-41E98B392E0A}" dt="2022-12-17T17:06:55.533" v="49" actId="20577"/>
          <ac:spMkLst>
            <pc:docMk/>
            <pc:sldMk cId="3544203875" sldId="298"/>
            <ac:spMk id="2" creationId="{4BA9DCFE-5A7B-4251-BAC0-923BB058C209}"/>
          </ac:spMkLst>
        </pc:spChg>
      </pc:sldChg>
    </pc:docChg>
  </pc:docChgLst>
  <pc:docChgLst>
    <pc:chgData name="Emelie Westall Lundqvist" userId="S::s221956@dtu.dk::3a6c0c6b-4056-4919-93f8-4a249b28df98" providerId="AD" clId="Web-{E0C1A4DC-2694-93ED-9E6A-CF2038567342}"/>
    <pc:docChg chg="addSld delSld modSld">
      <pc:chgData name="Emelie Westall Lundqvist" userId="S::s221956@dtu.dk::3a6c0c6b-4056-4919-93f8-4a249b28df98" providerId="AD" clId="Web-{E0C1A4DC-2694-93ED-9E6A-CF2038567342}" dt="2022-12-16T14:29:12.186" v="1435" actId="14100"/>
      <pc:docMkLst>
        <pc:docMk/>
      </pc:docMkLst>
      <pc:sldChg chg="modSp">
        <pc:chgData name="Emelie Westall Lundqvist" userId="S::s221956@dtu.dk::3a6c0c6b-4056-4919-93f8-4a249b28df98" providerId="AD" clId="Web-{E0C1A4DC-2694-93ED-9E6A-CF2038567342}" dt="2022-12-16T13:59:20.815" v="1030" actId="1076"/>
        <pc:sldMkLst>
          <pc:docMk/>
          <pc:sldMk cId="1797996451" sldId="289"/>
        </pc:sldMkLst>
        <pc:spChg chg="mod">
          <ac:chgData name="Emelie Westall Lundqvist" userId="S::s221956@dtu.dk::3a6c0c6b-4056-4919-93f8-4a249b28df98" providerId="AD" clId="Web-{E0C1A4DC-2694-93ED-9E6A-CF2038567342}" dt="2022-12-16T13:59:20.815" v="1030" actId="1076"/>
          <ac:spMkLst>
            <pc:docMk/>
            <pc:sldMk cId="1797996451" sldId="289"/>
            <ac:spMk id="6" creationId="{8CC2B5EF-5FF7-19AF-E97D-3CF1633FE8E6}"/>
          </ac:spMkLst>
        </pc:spChg>
      </pc:sldChg>
      <pc:sldChg chg="modSp">
        <pc:chgData name="Emelie Westall Lundqvist" userId="S::s221956@dtu.dk::3a6c0c6b-4056-4919-93f8-4a249b28df98" providerId="AD" clId="Web-{E0C1A4DC-2694-93ED-9E6A-CF2038567342}" dt="2022-12-16T13:39:15.454" v="596" actId="20577"/>
        <pc:sldMkLst>
          <pc:docMk/>
          <pc:sldMk cId="1709986772" sldId="291"/>
        </pc:sldMkLst>
        <pc:spChg chg="mod">
          <ac:chgData name="Emelie Westall Lundqvist" userId="S::s221956@dtu.dk::3a6c0c6b-4056-4919-93f8-4a249b28df98" providerId="AD" clId="Web-{E0C1A4DC-2694-93ED-9E6A-CF2038567342}" dt="2022-12-16T13:39:15.454" v="596" actId="20577"/>
          <ac:spMkLst>
            <pc:docMk/>
            <pc:sldMk cId="1709986772" sldId="291"/>
            <ac:spMk id="3" creationId="{89E26569-BA16-7E1E-ACF2-21DBA23C3713}"/>
          </ac:spMkLst>
        </pc:spChg>
        <pc:spChg chg="mod">
          <ac:chgData name="Emelie Westall Lundqvist" userId="S::s221956@dtu.dk::3a6c0c6b-4056-4919-93f8-4a249b28df98" providerId="AD" clId="Web-{E0C1A4DC-2694-93ED-9E6A-CF2038567342}" dt="2022-12-16T13:17:42.610" v="398" actId="14100"/>
          <ac:spMkLst>
            <pc:docMk/>
            <pc:sldMk cId="1709986772" sldId="291"/>
            <ac:spMk id="14" creationId="{1737F13D-0CBA-A0C0-31D6-1A9B989880B4}"/>
          </ac:spMkLst>
        </pc:spChg>
        <pc:spChg chg="mod">
          <ac:chgData name="Emelie Westall Lundqvist" userId="S::s221956@dtu.dk::3a6c0c6b-4056-4919-93f8-4a249b28df98" providerId="AD" clId="Web-{E0C1A4DC-2694-93ED-9E6A-CF2038567342}" dt="2022-12-16T13:25:48.776" v="406" actId="20577"/>
          <ac:spMkLst>
            <pc:docMk/>
            <pc:sldMk cId="1709986772" sldId="291"/>
            <ac:spMk id="24" creationId="{D9246612-B4AD-7A78-0FFB-DCDFDC32932D}"/>
          </ac:spMkLst>
        </pc:spChg>
        <pc:picChg chg="mod">
          <ac:chgData name="Emelie Westall Lundqvist" userId="S::s221956@dtu.dk::3a6c0c6b-4056-4919-93f8-4a249b28df98" providerId="AD" clId="Web-{E0C1A4DC-2694-93ED-9E6A-CF2038567342}" dt="2022-12-16T13:17:47.126" v="399" actId="1076"/>
          <ac:picMkLst>
            <pc:docMk/>
            <pc:sldMk cId="1709986772" sldId="291"/>
            <ac:picMk id="16" creationId="{BE9025E5-F2D6-B905-B30D-9E10BDAD3A39}"/>
          </ac:picMkLst>
        </pc:picChg>
        <pc:picChg chg="mod">
          <ac:chgData name="Emelie Westall Lundqvist" userId="S::s221956@dtu.dk::3a6c0c6b-4056-4919-93f8-4a249b28df98" providerId="AD" clId="Web-{E0C1A4DC-2694-93ED-9E6A-CF2038567342}" dt="2022-12-16T13:17:23.939" v="395" actId="1076"/>
          <ac:picMkLst>
            <pc:docMk/>
            <pc:sldMk cId="1709986772" sldId="291"/>
            <ac:picMk id="18" creationId="{D8011D27-5D90-2AED-0631-EAEC0E1369AE}"/>
          </ac:picMkLst>
        </pc:picChg>
      </pc:sldChg>
      <pc:sldChg chg="modSp">
        <pc:chgData name="Emelie Westall Lundqvist" userId="S::s221956@dtu.dk::3a6c0c6b-4056-4919-93f8-4a249b28df98" providerId="AD" clId="Web-{E0C1A4DC-2694-93ED-9E6A-CF2038567342}" dt="2022-12-16T14:14:48.991" v="1135" actId="20577"/>
        <pc:sldMkLst>
          <pc:docMk/>
          <pc:sldMk cId="3632708366" sldId="292"/>
        </pc:sldMkLst>
        <pc:spChg chg="mod">
          <ac:chgData name="Emelie Westall Lundqvist" userId="S::s221956@dtu.dk::3a6c0c6b-4056-4919-93f8-4a249b28df98" providerId="AD" clId="Web-{E0C1A4DC-2694-93ED-9E6A-CF2038567342}" dt="2022-12-16T14:14:48.991" v="1135" actId="20577"/>
          <ac:spMkLst>
            <pc:docMk/>
            <pc:sldMk cId="3632708366" sldId="292"/>
            <ac:spMk id="3" creationId="{FA3B3913-113B-2D76-0B58-5B12C8D69022}"/>
          </ac:spMkLst>
        </pc:spChg>
      </pc:sldChg>
      <pc:sldChg chg="addSp modSp">
        <pc:chgData name="Emelie Westall Lundqvist" userId="S::s221956@dtu.dk::3a6c0c6b-4056-4919-93f8-4a249b28df98" providerId="AD" clId="Web-{E0C1A4DC-2694-93ED-9E6A-CF2038567342}" dt="2022-12-16T14:20:04.878" v="1265" actId="20577"/>
        <pc:sldMkLst>
          <pc:docMk/>
          <pc:sldMk cId="2964722753" sldId="293"/>
        </pc:sldMkLst>
        <pc:spChg chg="mod">
          <ac:chgData name="Emelie Westall Lundqvist" userId="S::s221956@dtu.dk::3a6c0c6b-4056-4919-93f8-4a249b28df98" providerId="AD" clId="Web-{E0C1A4DC-2694-93ED-9E6A-CF2038567342}" dt="2022-12-16T13:32:04.287" v="535" actId="1076"/>
          <ac:spMkLst>
            <pc:docMk/>
            <pc:sldMk cId="2964722753" sldId="293"/>
            <ac:spMk id="2" creationId="{FB55BD47-756A-514B-369C-88B089C8146C}"/>
          </ac:spMkLst>
        </pc:spChg>
        <pc:spChg chg="mod">
          <ac:chgData name="Emelie Westall Lundqvist" userId="S::s221956@dtu.dk::3a6c0c6b-4056-4919-93f8-4a249b28df98" providerId="AD" clId="Web-{E0C1A4DC-2694-93ED-9E6A-CF2038567342}" dt="2022-12-16T14:16:35.599" v="1140" actId="1076"/>
          <ac:spMkLst>
            <pc:docMk/>
            <pc:sldMk cId="2964722753" sldId="293"/>
            <ac:spMk id="6" creationId="{5D8353D7-0D70-D64C-26FA-61D1213C00ED}"/>
          </ac:spMkLst>
        </pc:spChg>
        <pc:spChg chg="mod">
          <ac:chgData name="Emelie Westall Lundqvist" userId="S::s221956@dtu.dk::3a6c0c6b-4056-4919-93f8-4a249b28df98" providerId="AD" clId="Web-{E0C1A4DC-2694-93ED-9E6A-CF2038567342}" dt="2022-12-16T13:32:13.115" v="538" actId="1076"/>
          <ac:spMkLst>
            <pc:docMk/>
            <pc:sldMk cId="2964722753" sldId="293"/>
            <ac:spMk id="10" creationId="{4E0094D3-8177-A876-934C-54A7883EE0DA}"/>
          </ac:spMkLst>
        </pc:spChg>
        <pc:spChg chg="mod">
          <ac:chgData name="Emelie Westall Lundqvist" userId="S::s221956@dtu.dk::3a6c0c6b-4056-4919-93f8-4a249b28df98" providerId="AD" clId="Web-{E0C1A4DC-2694-93ED-9E6A-CF2038567342}" dt="2022-12-16T13:31:16.960" v="519" actId="1076"/>
          <ac:spMkLst>
            <pc:docMk/>
            <pc:sldMk cId="2964722753" sldId="293"/>
            <ac:spMk id="11" creationId="{21F02E95-C36D-2B40-8935-098180D5D021}"/>
          </ac:spMkLst>
        </pc:spChg>
        <pc:spChg chg="mod">
          <ac:chgData name="Emelie Westall Lundqvist" userId="S::s221956@dtu.dk::3a6c0c6b-4056-4919-93f8-4a249b28df98" providerId="AD" clId="Web-{E0C1A4DC-2694-93ED-9E6A-CF2038567342}" dt="2022-12-16T14:20:04.878" v="1265" actId="20577"/>
          <ac:spMkLst>
            <pc:docMk/>
            <pc:sldMk cId="2964722753" sldId="293"/>
            <ac:spMk id="17" creationId="{386A0A3F-0987-CD07-9077-784FC812F19A}"/>
          </ac:spMkLst>
        </pc:spChg>
        <pc:picChg chg="add mod">
          <ac:chgData name="Emelie Westall Lundqvist" userId="S::s221956@dtu.dk::3a6c0c6b-4056-4919-93f8-4a249b28df98" providerId="AD" clId="Web-{E0C1A4DC-2694-93ED-9E6A-CF2038567342}" dt="2022-12-16T13:30:23.632" v="469" actId="1076"/>
          <ac:picMkLst>
            <pc:docMk/>
            <pc:sldMk cId="2964722753" sldId="293"/>
            <ac:picMk id="3" creationId="{17F4B1A4-475D-1E38-AA20-FF44E25DBDDE}"/>
          </ac:picMkLst>
        </pc:picChg>
        <pc:picChg chg="mod">
          <ac:chgData name="Emelie Westall Lundqvist" userId="S::s221956@dtu.dk::3a6c0c6b-4056-4919-93f8-4a249b28df98" providerId="AD" clId="Web-{E0C1A4DC-2694-93ED-9E6A-CF2038567342}" dt="2022-12-16T13:32:10.397" v="537" actId="1076"/>
          <ac:picMkLst>
            <pc:docMk/>
            <pc:sldMk cId="2964722753" sldId="293"/>
            <ac:picMk id="8" creationId="{C5787DBE-1E8B-6A17-2CDE-175AF7F1D399}"/>
          </ac:picMkLst>
        </pc:picChg>
      </pc:sldChg>
      <pc:sldChg chg="addSp delSp modSp">
        <pc:chgData name="Emelie Westall Lundqvist" userId="S::s221956@dtu.dk::3a6c0c6b-4056-4919-93f8-4a249b28df98" providerId="AD" clId="Web-{E0C1A4DC-2694-93ED-9E6A-CF2038567342}" dt="2022-12-16T14:29:12.186" v="1435" actId="14100"/>
        <pc:sldMkLst>
          <pc:docMk/>
          <pc:sldMk cId="3846275707" sldId="294"/>
        </pc:sldMkLst>
        <pc:spChg chg="mod">
          <ac:chgData name="Emelie Westall Lundqvist" userId="S::s221956@dtu.dk::3a6c0c6b-4056-4919-93f8-4a249b28df98" providerId="AD" clId="Web-{E0C1A4DC-2694-93ED-9E6A-CF2038567342}" dt="2022-12-16T14:24:10.518" v="1351" actId="1076"/>
          <ac:spMkLst>
            <pc:docMk/>
            <pc:sldMk cId="3846275707" sldId="294"/>
            <ac:spMk id="3" creationId="{030918C6-C726-46DA-5B7D-A132FF9130C5}"/>
          </ac:spMkLst>
        </pc:spChg>
        <pc:spChg chg="mod">
          <ac:chgData name="Emelie Westall Lundqvist" userId="S::s221956@dtu.dk::3a6c0c6b-4056-4919-93f8-4a249b28df98" providerId="AD" clId="Web-{E0C1A4DC-2694-93ED-9E6A-CF2038567342}" dt="2022-12-16T14:29:12.186" v="1435" actId="14100"/>
          <ac:spMkLst>
            <pc:docMk/>
            <pc:sldMk cId="3846275707" sldId="294"/>
            <ac:spMk id="5" creationId="{FC0D1D2C-865B-DF87-FC53-81E25FA6BF3C}"/>
          </ac:spMkLst>
        </pc:spChg>
        <pc:spChg chg="del">
          <ac:chgData name="Emelie Westall Lundqvist" userId="S::s221956@dtu.dk::3a6c0c6b-4056-4919-93f8-4a249b28df98" providerId="AD" clId="Web-{E0C1A4DC-2694-93ED-9E6A-CF2038567342}" dt="2022-12-16T12:52:09.188" v="269"/>
          <ac:spMkLst>
            <pc:docMk/>
            <pc:sldMk cId="3846275707" sldId="294"/>
            <ac:spMk id="15" creationId="{CF10A8EC-5CB2-5FF0-22BC-5AF3AACD5A7E}"/>
          </ac:spMkLst>
        </pc:spChg>
        <pc:spChg chg="del mod">
          <ac:chgData name="Emelie Westall Lundqvist" userId="S::s221956@dtu.dk::3a6c0c6b-4056-4919-93f8-4a249b28df98" providerId="AD" clId="Web-{E0C1A4DC-2694-93ED-9E6A-CF2038567342}" dt="2022-12-16T12:32:45.733" v="76"/>
          <ac:spMkLst>
            <pc:docMk/>
            <pc:sldMk cId="3846275707" sldId="294"/>
            <ac:spMk id="16" creationId="{2C50E046-72B5-F75D-B795-A65DAE928436}"/>
          </ac:spMkLst>
        </pc:spChg>
        <pc:spChg chg="mod">
          <ac:chgData name="Emelie Westall Lundqvist" userId="S::s221956@dtu.dk::3a6c0c6b-4056-4919-93f8-4a249b28df98" providerId="AD" clId="Web-{E0C1A4DC-2694-93ED-9E6A-CF2038567342}" dt="2022-12-16T14:23:31.456" v="1335" actId="1076"/>
          <ac:spMkLst>
            <pc:docMk/>
            <pc:sldMk cId="3846275707" sldId="294"/>
            <ac:spMk id="18" creationId="{3F5358DC-DEE6-ECD3-22CE-17EC4891F3E8}"/>
          </ac:spMkLst>
        </pc:spChg>
        <pc:spChg chg="mod">
          <ac:chgData name="Emelie Westall Lundqvist" userId="S::s221956@dtu.dk::3a6c0c6b-4056-4919-93f8-4a249b28df98" providerId="AD" clId="Web-{E0C1A4DC-2694-93ED-9E6A-CF2038567342}" dt="2022-12-16T14:23:31.456" v="1334" actId="1076"/>
          <ac:spMkLst>
            <pc:docMk/>
            <pc:sldMk cId="3846275707" sldId="294"/>
            <ac:spMk id="20" creationId="{B0839F89-76E6-1714-7CC7-142BED91181A}"/>
          </ac:spMkLst>
        </pc:spChg>
        <pc:spChg chg="mod">
          <ac:chgData name="Emelie Westall Lundqvist" userId="S::s221956@dtu.dk::3a6c0c6b-4056-4919-93f8-4a249b28df98" providerId="AD" clId="Web-{E0C1A4DC-2694-93ED-9E6A-CF2038567342}" dt="2022-12-16T14:27:08.140" v="1403" actId="1076"/>
          <ac:spMkLst>
            <pc:docMk/>
            <pc:sldMk cId="3846275707" sldId="294"/>
            <ac:spMk id="23" creationId="{7DD12AB1-F7B2-A261-FFDC-ED0AEEF8E248}"/>
          </ac:spMkLst>
        </pc:spChg>
        <pc:spChg chg="mod">
          <ac:chgData name="Emelie Westall Lundqvist" userId="S::s221956@dtu.dk::3a6c0c6b-4056-4919-93f8-4a249b28df98" providerId="AD" clId="Web-{E0C1A4DC-2694-93ED-9E6A-CF2038567342}" dt="2022-12-16T14:23:31.456" v="1337" actId="1076"/>
          <ac:spMkLst>
            <pc:docMk/>
            <pc:sldMk cId="3846275707" sldId="294"/>
            <ac:spMk id="34" creationId="{D5958F59-5CB7-E73E-E2D8-E4BF905CBD42}"/>
          </ac:spMkLst>
        </pc:spChg>
        <pc:spChg chg="add del mod">
          <ac:chgData name="Emelie Westall Lundqvist" userId="S::s221956@dtu.dk::3a6c0c6b-4056-4919-93f8-4a249b28df98" providerId="AD" clId="Web-{E0C1A4DC-2694-93ED-9E6A-CF2038567342}" dt="2022-12-16T14:23:31.456" v="1342" actId="1076"/>
          <ac:spMkLst>
            <pc:docMk/>
            <pc:sldMk cId="3846275707" sldId="294"/>
            <ac:spMk id="35" creationId="{49C7E9F5-D3BE-C1EF-36D8-861EF8417E75}"/>
          </ac:spMkLst>
        </pc:spChg>
        <pc:spChg chg="add del mod">
          <ac:chgData name="Emelie Westall Lundqvist" userId="S::s221956@dtu.dk::3a6c0c6b-4056-4919-93f8-4a249b28df98" providerId="AD" clId="Web-{E0C1A4DC-2694-93ED-9E6A-CF2038567342}" dt="2022-12-16T12:40:20.165" v="161"/>
          <ac:spMkLst>
            <pc:docMk/>
            <pc:sldMk cId="3846275707" sldId="294"/>
            <ac:spMk id="36" creationId="{1827B732-6EF4-B9E6-974C-BE074F6B0D3A}"/>
          </ac:spMkLst>
        </pc:spChg>
        <pc:spChg chg="add mod">
          <ac:chgData name="Emelie Westall Lundqvist" userId="S::s221956@dtu.dk::3a6c0c6b-4056-4919-93f8-4a249b28df98" providerId="AD" clId="Web-{E0C1A4DC-2694-93ED-9E6A-CF2038567342}" dt="2022-12-16T14:23:31.456" v="1336" actId="1076"/>
          <ac:spMkLst>
            <pc:docMk/>
            <pc:sldMk cId="3846275707" sldId="294"/>
            <ac:spMk id="37" creationId="{B952EA91-3F20-F7A0-E097-599BC692F749}"/>
          </ac:spMkLst>
        </pc:spChg>
        <pc:spChg chg="add mod">
          <ac:chgData name="Emelie Westall Lundqvist" userId="S::s221956@dtu.dk::3a6c0c6b-4056-4919-93f8-4a249b28df98" providerId="AD" clId="Web-{E0C1A4DC-2694-93ED-9E6A-CF2038567342}" dt="2022-12-16T14:23:20.096" v="1320" actId="20577"/>
          <ac:spMkLst>
            <pc:docMk/>
            <pc:sldMk cId="3846275707" sldId="294"/>
            <ac:spMk id="39" creationId="{4EC164F4-3E61-C881-D8E2-38DD9FD5D46F}"/>
          </ac:spMkLst>
        </pc:spChg>
        <pc:spChg chg="add mod">
          <ac:chgData name="Emelie Westall Lundqvist" userId="S::s221956@dtu.dk::3a6c0c6b-4056-4919-93f8-4a249b28df98" providerId="AD" clId="Web-{E0C1A4DC-2694-93ED-9E6A-CF2038567342}" dt="2022-12-16T14:23:23.049" v="1323" actId="20577"/>
          <ac:spMkLst>
            <pc:docMk/>
            <pc:sldMk cId="3846275707" sldId="294"/>
            <ac:spMk id="40" creationId="{A06CFEA5-2F20-62A1-D4B9-F260E1B9840F}"/>
          </ac:spMkLst>
        </pc:spChg>
        <pc:picChg chg="add mod">
          <ac:chgData name="Emelie Westall Lundqvist" userId="S::s221956@dtu.dk::3a6c0c6b-4056-4919-93f8-4a249b28df98" providerId="AD" clId="Web-{E0C1A4DC-2694-93ED-9E6A-CF2038567342}" dt="2022-12-16T14:27:12.844" v="1404" actId="1076"/>
          <ac:picMkLst>
            <pc:docMk/>
            <pc:sldMk cId="3846275707" sldId="294"/>
            <ac:picMk id="2" creationId="{8571A460-5294-C839-375E-BE8B3A8350C7}"/>
          </ac:picMkLst>
        </pc:picChg>
        <pc:picChg chg="mod modCrop">
          <ac:chgData name="Emelie Westall Lundqvist" userId="S::s221956@dtu.dk::3a6c0c6b-4056-4919-93f8-4a249b28df98" providerId="AD" clId="Web-{E0C1A4DC-2694-93ED-9E6A-CF2038567342}" dt="2022-12-16T14:23:31.456" v="1343" actId="1076"/>
          <ac:picMkLst>
            <pc:docMk/>
            <pc:sldMk cId="3846275707" sldId="294"/>
            <ac:picMk id="6" creationId="{00C75E90-03AD-46EF-2073-B1AD49B2EAD1}"/>
          </ac:picMkLst>
        </pc:picChg>
        <pc:picChg chg="add del mod modCrop">
          <ac:chgData name="Emelie Westall Lundqvist" userId="S::s221956@dtu.dk::3a6c0c6b-4056-4919-93f8-4a249b28df98" providerId="AD" clId="Web-{E0C1A4DC-2694-93ED-9E6A-CF2038567342}" dt="2022-12-16T12:41:54.695" v="176"/>
          <ac:picMkLst>
            <pc:docMk/>
            <pc:sldMk cId="3846275707" sldId="294"/>
            <ac:picMk id="8" creationId="{52C9E780-23ED-0234-4C9F-DB1F14E322B9}"/>
          </ac:picMkLst>
        </pc:picChg>
        <pc:picChg chg="add del mod modCrop">
          <ac:chgData name="Emelie Westall Lundqvist" userId="S::s221956@dtu.dk::3a6c0c6b-4056-4919-93f8-4a249b28df98" providerId="AD" clId="Web-{E0C1A4DC-2694-93ED-9E6A-CF2038567342}" dt="2022-12-16T12:39:43.025" v="154"/>
          <ac:picMkLst>
            <pc:docMk/>
            <pc:sldMk cId="3846275707" sldId="294"/>
            <ac:picMk id="31" creationId="{FA3514C9-41BC-B934-FEC0-5F8036CD36D8}"/>
          </ac:picMkLst>
        </pc:picChg>
        <pc:picChg chg="add del mod modCrop">
          <ac:chgData name="Emelie Westall Lundqvist" userId="S::s221956@dtu.dk::3a6c0c6b-4056-4919-93f8-4a249b28df98" providerId="AD" clId="Web-{E0C1A4DC-2694-93ED-9E6A-CF2038567342}" dt="2022-12-16T12:41:52.945" v="175"/>
          <ac:picMkLst>
            <pc:docMk/>
            <pc:sldMk cId="3846275707" sldId="294"/>
            <ac:picMk id="32" creationId="{FF2A88C4-CB68-6AD9-8D57-CAD9C3641497}"/>
          </ac:picMkLst>
        </pc:picChg>
        <pc:picChg chg="add del mod">
          <ac:chgData name="Emelie Westall Lundqvist" userId="S::s221956@dtu.dk::3a6c0c6b-4056-4919-93f8-4a249b28df98" providerId="AD" clId="Web-{E0C1A4DC-2694-93ED-9E6A-CF2038567342}" dt="2022-12-16T12:39:57.087" v="157"/>
          <ac:picMkLst>
            <pc:docMk/>
            <pc:sldMk cId="3846275707" sldId="294"/>
            <ac:picMk id="33" creationId="{3EE0C449-2499-EC45-A777-6A86F7BB3F8A}"/>
          </ac:picMkLst>
        </pc:picChg>
        <pc:picChg chg="add mod">
          <ac:chgData name="Emelie Westall Lundqvist" userId="S::s221956@dtu.dk::3a6c0c6b-4056-4919-93f8-4a249b28df98" providerId="AD" clId="Web-{E0C1A4DC-2694-93ED-9E6A-CF2038567342}" dt="2022-12-16T14:27:18.609" v="1405" actId="1076"/>
          <ac:picMkLst>
            <pc:docMk/>
            <pc:sldMk cId="3846275707" sldId="294"/>
            <ac:picMk id="38" creationId="{6B40E5D6-4DB3-3544-BF11-7BE5AE4EC3AB}"/>
          </ac:picMkLst>
        </pc:picChg>
        <pc:picChg chg="add mod modCrop">
          <ac:chgData name="Emelie Westall Lundqvist" userId="S::s221956@dtu.dk::3a6c0c6b-4056-4919-93f8-4a249b28df98" providerId="AD" clId="Web-{E0C1A4DC-2694-93ED-9E6A-CF2038567342}" dt="2022-12-16T14:27:53.734" v="1407" actId="1076"/>
          <ac:picMkLst>
            <pc:docMk/>
            <pc:sldMk cId="3846275707" sldId="294"/>
            <ac:picMk id="41" creationId="{43BB492F-B38C-BED9-E687-EB26BA30C8B5}"/>
          </ac:picMkLst>
        </pc:picChg>
        <pc:inkChg chg="add del">
          <ac:chgData name="Emelie Westall Lundqvist" userId="S::s221956@dtu.dk::3a6c0c6b-4056-4919-93f8-4a249b28df98" providerId="AD" clId="Web-{E0C1A4DC-2694-93ED-9E6A-CF2038567342}" dt="2022-12-16T12:41:51.399" v="174"/>
          <ac:inkMkLst>
            <pc:docMk/>
            <pc:sldMk cId="3846275707" sldId="294"/>
            <ac:inkMk id="10" creationId="{538DF9AF-B9D1-39FC-C25C-96033EB0856F}"/>
          </ac:inkMkLst>
        </pc:inkChg>
        <pc:inkChg chg="add">
          <ac:chgData name="Emelie Westall Lundqvist" userId="S::s221956@dtu.dk::3a6c0c6b-4056-4919-93f8-4a249b28df98" providerId="AD" clId="Web-{E0C1A4DC-2694-93ED-9E6A-CF2038567342}" dt="2022-12-16T12:33:32.717" v="83"/>
          <ac:inkMkLst>
            <pc:docMk/>
            <pc:sldMk cId="3846275707" sldId="294"/>
            <ac:inkMk id="11" creationId="{63D55A40-8C64-5B1F-BB7E-694F8C77B5CC}"/>
          </ac:inkMkLst>
        </pc:inkChg>
        <pc:inkChg chg="add del">
          <ac:chgData name="Emelie Westall Lundqvist" userId="S::s221956@dtu.dk::3a6c0c6b-4056-4919-93f8-4a249b28df98" providerId="AD" clId="Web-{E0C1A4DC-2694-93ED-9E6A-CF2038567342}" dt="2022-12-16T12:41:51.399" v="173"/>
          <ac:inkMkLst>
            <pc:docMk/>
            <pc:sldMk cId="3846275707" sldId="294"/>
            <ac:inkMk id="12" creationId="{193EF969-D824-5B86-F2D2-7C8518C657CC}"/>
          </ac:inkMkLst>
        </pc:inkChg>
        <pc:inkChg chg="add del">
          <ac:chgData name="Emelie Westall Lundqvist" userId="S::s221956@dtu.dk::3a6c0c6b-4056-4919-93f8-4a249b28df98" providerId="AD" clId="Web-{E0C1A4DC-2694-93ED-9E6A-CF2038567342}" dt="2022-12-16T12:33:36.951" v="86"/>
          <ac:inkMkLst>
            <pc:docMk/>
            <pc:sldMk cId="3846275707" sldId="294"/>
            <ac:inkMk id="14" creationId="{58CC914F-E22F-E03E-84D2-6CCCCFEF6AEA}"/>
          </ac:inkMkLst>
        </pc:inkChg>
        <pc:inkChg chg="mod">
          <ac:chgData name="Emelie Westall Lundqvist" userId="S::s221956@dtu.dk::3a6c0c6b-4056-4919-93f8-4a249b28df98" providerId="AD" clId="Web-{E0C1A4DC-2694-93ED-9E6A-CF2038567342}" dt="2022-12-16T14:23:31.456" v="1340" actId="1076"/>
          <ac:inkMkLst>
            <pc:docMk/>
            <pc:sldMk cId="3846275707" sldId="294"/>
            <ac:inkMk id="14" creationId="{6F0D2BDB-CC74-21B2-F20E-FA8DA2D47E0A}"/>
          </ac:inkMkLst>
        </pc:inkChg>
        <pc:inkChg chg="add del">
          <ac:chgData name="Emelie Westall Lundqvist" userId="S::s221956@dtu.dk::3a6c0c6b-4056-4919-93f8-4a249b28df98" providerId="AD" clId="Web-{E0C1A4DC-2694-93ED-9E6A-CF2038567342}" dt="2022-12-16T12:41:51.399" v="172"/>
          <ac:inkMkLst>
            <pc:docMk/>
            <pc:sldMk cId="3846275707" sldId="294"/>
            <ac:inkMk id="15" creationId="{B632A530-1EFD-CA26-E7C7-59B7C45522A6}"/>
          </ac:inkMkLst>
        </pc:inkChg>
        <pc:inkChg chg="mod">
          <ac:chgData name="Emelie Westall Lundqvist" userId="S::s221956@dtu.dk::3a6c0c6b-4056-4919-93f8-4a249b28df98" providerId="AD" clId="Web-{E0C1A4DC-2694-93ED-9E6A-CF2038567342}" dt="2022-12-16T14:23:31.456" v="1338" actId="1076"/>
          <ac:inkMkLst>
            <pc:docMk/>
            <pc:sldMk cId="3846275707" sldId="294"/>
            <ac:inkMk id="16" creationId="{48D58BC5-ABF9-BA85-60A8-BB7897F83E7B}"/>
          </ac:inkMkLst>
        </pc:inkChg>
        <pc:inkChg chg="add del">
          <ac:chgData name="Emelie Westall Lundqvist" userId="S::s221956@dtu.dk::3a6c0c6b-4056-4919-93f8-4a249b28df98" providerId="AD" clId="Web-{E0C1A4DC-2694-93ED-9E6A-CF2038567342}" dt="2022-12-16T12:41:51.399" v="171"/>
          <ac:inkMkLst>
            <pc:docMk/>
            <pc:sldMk cId="3846275707" sldId="294"/>
            <ac:inkMk id="17" creationId="{DF45964A-FE17-7CC5-4233-64D4B7EDBF1E}"/>
          </ac:inkMkLst>
        </pc:inkChg>
        <pc:inkChg chg="add del">
          <ac:chgData name="Emelie Westall Lundqvist" userId="S::s221956@dtu.dk::3a6c0c6b-4056-4919-93f8-4a249b28df98" providerId="AD" clId="Web-{E0C1A4DC-2694-93ED-9E6A-CF2038567342}" dt="2022-12-16T12:41:51.399" v="170"/>
          <ac:inkMkLst>
            <pc:docMk/>
            <pc:sldMk cId="3846275707" sldId="294"/>
            <ac:inkMk id="18" creationId="{B88B78D6-8169-6135-7DF0-56538554BC45}"/>
          </ac:inkMkLst>
        </pc:inkChg>
        <pc:inkChg chg="add del">
          <ac:chgData name="Emelie Westall Lundqvist" userId="S::s221956@dtu.dk::3a6c0c6b-4056-4919-93f8-4a249b28df98" providerId="AD" clId="Web-{E0C1A4DC-2694-93ED-9E6A-CF2038567342}" dt="2022-12-16T12:33:42.139" v="91"/>
          <ac:inkMkLst>
            <pc:docMk/>
            <pc:sldMk cId="3846275707" sldId="294"/>
            <ac:inkMk id="19" creationId="{18054755-A923-93EA-5213-9A5421333ED0}"/>
          </ac:inkMkLst>
        </pc:inkChg>
        <pc:inkChg chg="mod">
          <ac:chgData name="Emelie Westall Lundqvist" userId="S::s221956@dtu.dk::3a6c0c6b-4056-4919-93f8-4a249b28df98" providerId="AD" clId="Web-{E0C1A4DC-2694-93ED-9E6A-CF2038567342}" dt="2022-12-16T14:23:31.456" v="1339" actId="1076"/>
          <ac:inkMkLst>
            <pc:docMk/>
            <pc:sldMk cId="3846275707" sldId="294"/>
            <ac:inkMk id="19" creationId="{97C96914-4EC3-EA7E-FB69-58C47B2E3818}"/>
          </ac:inkMkLst>
        </pc:inkChg>
        <pc:inkChg chg="del">
          <ac:chgData name="Emelie Westall Lundqvist" userId="S::s221956@dtu.dk::3a6c0c6b-4056-4919-93f8-4a249b28df98" providerId="AD" clId="Web-{E0C1A4DC-2694-93ED-9E6A-CF2038567342}" dt="2022-12-16T12:41:51.399" v="163"/>
          <ac:inkMkLst>
            <pc:docMk/>
            <pc:sldMk cId="3846275707" sldId="294"/>
            <ac:inkMk id="20" creationId="{78BCEFE2-AD85-1EF4-0F91-A7B37631F310}"/>
          </ac:inkMkLst>
        </pc:inkChg>
        <pc:inkChg chg="add del">
          <ac:chgData name="Emelie Westall Lundqvist" userId="S::s221956@dtu.dk::3a6c0c6b-4056-4919-93f8-4a249b28df98" providerId="AD" clId="Web-{E0C1A4DC-2694-93ED-9E6A-CF2038567342}" dt="2022-12-16T12:33:44.498" v="93"/>
          <ac:inkMkLst>
            <pc:docMk/>
            <pc:sldMk cId="3846275707" sldId="294"/>
            <ac:inkMk id="20" creationId="{80646AD5-4873-9525-CFF5-CE13B5791400}"/>
          </ac:inkMkLst>
        </pc:inkChg>
        <pc:inkChg chg="add">
          <ac:chgData name="Emelie Westall Lundqvist" userId="S::s221956@dtu.dk::3a6c0c6b-4056-4919-93f8-4a249b28df98" providerId="AD" clId="Web-{E0C1A4DC-2694-93ED-9E6A-CF2038567342}" dt="2022-12-16T12:33:46.482" v="94"/>
          <ac:inkMkLst>
            <pc:docMk/>
            <pc:sldMk cId="3846275707" sldId="294"/>
            <ac:inkMk id="21" creationId="{3A392AB5-EE57-DD13-CA47-BA703588D67F}"/>
          </ac:inkMkLst>
        </pc:inkChg>
        <pc:inkChg chg="add del mod">
          <ac:chgData name="Emelie Westall Lundqvist" userId="S::s221956@dtu.dk::3a6c0c6b-4056-4919-93f8-4a249b28df98" providerId="AD" clId="Web-{E0C1A4DC-2694-93ED-9E6A-CF2038567342}" dt="2022-12-16T12:41:56.633" v="177"/>
          <ac:inkMkLst>
            <pc:docMk/>
            <pc:sldMk cId="3846275707" sldId="294"/>
            <ac:inkMk id="22" creationId="{9571D42C-77CD-CD9A-5AD0-E913EA882A6D}"/>
          </ac:inkMkLst>
        </pc:inkChg>
        <pc:inkChg chg="add del">
          <ac:chgData name="Emelie Westall Lundqvist" userId="S::s221956@dtu.dk::3a6c0c6b-4056-4919-93f8-4a249b28df98" providerId="AD" clId="Web-{E0C1A4DC-2694-93ED-9E6A-CF2038567342}" dt="2022-12-16T12:41:51.399" v="169"/>
          <ac:inkMkLst>
            <pc:docMk/>
            <pc:sldMk cId="3846275707" sldId="294"/>
            <ac:inkMk id="23" creationId="{A1AFE2A8-23E3-DF0B-FE6D-4C0C15715B4A}"/>
          </ac:inkMkLst>
        </pc:inkChg>
        <pc:inkChg chg="add del">
          <ac:chgData name="Emelie Westall Lundqvist" userId="S::s221956@dtu.dk::3a6c0c6b-4056-4919-93f8-4a249b28df98" providerId="AD" clId="Web-{E0C1A4DC-2694-93ED-9E6A-CF2038567342}" dt="2022-12-16T12:41:51.399" v="168"/>
          <ac:inkMkLst>
            <pc:docMk/>
            <pc:sldMk cId="3846275707" sldId="294"/>
            <ac:inkMk id="24" creationId="{DC71E800-6EE8-1641-65C3-4632541D31AF}"/>
          </ac:inkMkLst>
        </pc:inkChg>
        <pc:inkChg chg="add del">
          <ac:chgData name="Emelie Westall Lundqvist" userId="S::s221956@dtu.dk::3a6c0c6b-4056-4919-93f8-4a249b28df98" providerId="AD" clId="Web-{E0C1A4DC-2694-93ED-9E6A-CF2038567342}" dt="2022-12-16T12:41:51.399" v="167"/>
          <ac:inkMkLst>
            <pc:docMk/>
            <pc:sldMk cId="3846275707" sldId="294"/>
            <ac:inkMk id="25" creationId="{DDC4492B-3276-4441-ED96-1CF87E115D9F}"/>
          </ac:inkMkLst>
        </pc:inkChg>
        <pc:inkChg chg="add del">
          <ac:chgData name="Emelie Westall Lundqvist" userId="S::s221956@dtu.dk::3a6c0c6b-4056-4919-93f8-4a249b28df98" providerId="AD" clId="Web-{E0C1A4DC-2694-93ED-9E6A-CF2038567342}" dt="2022-12-16T12:41:51.399" v="166"/>
          <ac:inkMkLst>
            <pc:docMk/>
            <pc:sldMk cId="3846275707" sldId="294"/>
            <ac:inkMk id="26" creationId="{587FF75A-7850-BC91-12A8-E9C6E18FF0B3}"/>
          </ac:inkMkLst>
        </pc:inkChg>
        <pc:inkChg chg="add del">
          <ac:chgData name="Emelie Westall Lundqvist" userId="S::s221956@dtu.dk::3a6c0c6b-4056-4919-93f8-4a249b28df98" providerId="AD" clId="Web-{E0C1A4DC-2694-93ED-9E6A-CF2038567342}" dt="2022-12-16T12:41:51.399" v="165"/>
          <ac:inkMkLst>
            <pc:docMk/>
            <pc:sldMk cId="3846275707" sldId="294"/>
            <ac:inkMk id="28" creationId="{8E92A5E6-8024-634B-5D73-505518889DC6}"/>
          </ac:inkMkLst>
        </pc:inkChg>
        <pc:inkChg chg="add del">
          <ac:chgData name="Emelie Westall Lundqvist" userId="S::s221956@dtu.dk::3a6c0c6b-4056-4919-93f8-4a249b28df98" providerId="AD" clId="Web-{E0C1A4DC-2694-93ED-9E6A-CF2038567342}" dt="2022-12-16T12:41:51.399" v="164"/>
          <ac:inkMkLst>
            <pc:docMk/>
            <pc:sldMk cId="3846275707" sldId="294"/>
            <ac:inkMk id="29" creationId="{0D703344-AEAA-FF5B-7A82-0DE5D55C03EA}"/>
          </ac:inkMkLst>
        </pc:inkChg>
        <pc:inkChg chg="add mod">
          <ac:chgData name="Emelie Westall Lundqvist" userId="S::s221956@dtu.dk::3a6c0c6b-4056-4919-93f8-4a249b28df98" providerId="AD" clId="Web-{E0C1A4DC-2694-93ED-9E6A-CF2038567342}" dt="2022-12-16T12:42:36.882" v="183" actId="1076"/>
          <ac:inkMkLst>
            <pc:docMk/>
            <pc:sldMk cId="3846275707" sldId="294"/>
            <ac:inkMk id="30" creationId="{63459599-9BD5-2758-D2A5-81618C081B57}"/>
          </ac:inkMkLst>
        </pc:inkChg>
        <pc:inkChg chg="add del mod">
          <ac:chgData name="Emelie Westall Lundqvist" userId="S::s221956@dtu.dk::3a6c0c6b-4056-4919-93f8-4a249b28df98" providerId="AD" clId="Web-{E0C1A4DC-2694-93ED-9E6A-CF2038567342}" dt="2022-12-16T12:34:37.341" v="105"/>
          <ac:inkMkLst>
            <pc:docMk/>
            <pc:sldMk cId="3846275707" sldId="294"/>
            <ac:inkMk id="31" creationId="{9F0C53B1-21F9-6E4B-EC35-65547BB1A37B}"/>
          </ac:inkMkLst>
        </pc:inkChg>
        <pc:inkChg chg="add del">
          <ac:chgData name="Emelie Westall Lundqvist" userId="S::s221956@dtu.dk::3a6c0c6b-4056-4919-93f8-4a249b28df98" providerId="AD" clId="Web-{E0C1A4DC-2694-93ED-9E6A-CF2038567342}" dt="2022-12-16T12:36:00.012" v="119"/>
          <ac:inkMkLst>
            <pc:docMk/>
            <pc:sldMk cId="3846275707" sldId="294"/>
            <ac:inkMk id="34" creationId="{D774DE91-942F-D850-9712-61058FAE8993}"/>
          </ac:inkMkLst>
        </pc:inkChg>
        <pc:inkChg chg="add del">
          <ac:chgData name="Emelie Westall Lundqvist" userId="S::s221956@dtu.dk::3a6c0c6b-4056-4919-93f8-4a249b28df98" providerId="AD" clId="Web-{E0C1A4DC-2694-93ED-9E6A-CF2038567342}" dt="2022-12-16T12:36:16.481" v="130"/>
          <ac:inkMkLst>
            <pc:docMk/>
            <pc:sldMk cId="3846275707" sldId="294"/>
            <ac:inkMk id="36" creationId="{C406AFB7-9C9D-3633-3606-711211D69C96}"/>
          </ac:inkMkLst>
        </pc:inkChg>
        <pc:inkChg chg="add del">
          <ac:chgData name="Emelie Westall Lundqvist" userId="S::s221956@dtu.dk::3a6c0c6b-4056-4919-93f8-4a249b28df98" providerId="AD" clId="Web-{E0C1A4DC-2694-93ED-9E6A-CF2038567342}" dt="2022-12-16T12:36:13.824" v="127"/>
          <ac:inkMkLst>
            <pc:docMk/>
            <pc:sldMk cId="3846275707" sldId="294"/>
            <ac:inkMk id="37" creationId="{7F9D3862-1C31-BA39-5F51-718CA124FA4D}"/>
          </ac:inkMkLst>
        </pc:inkChg>
        <pc:inkChg chg="add del">
          <ac:chgData name="Emelie Westall Lundqvist" userId="S::s221956@dtu.dk::3a6c0c6b-4056-4919-93f8-4a249b28df98" providerId="AD" clId="Web-{E0C1A4DC-2694-93ED-9E6A-CF2038567342}" dt="2022-12-16T12:36:11.965" v="126"/>
          <ac:inkMkLst>
            <pc:docMk/>
            <pc:sldMk cId="3846275707" sldId="294"/>
            <ac:inkMk id="38" creationId="{69860548-CDCE-8FD1-6696-8F4FA6074C7C}"/>
          </ac:inkMkLst>
        </pc:inkChg>
        <pc:inkChg chg="add del">
          <ac:chgData name="Emelie Westall Lundqvist" userId="S::s221956@dtu.dk::3a6c0c6b-4056-4919-93f8-4a249b28df98" providerId="AD" clId="Web-{E0C1A4DC-2694-93ED-9E6A-CF2038567342}" dt="2022-12-16T12:36:10.934" v="125"/>
          <ac:inkMkLst>
            <pc:docMk/>
            <pc:sldMk cId="3846275707" sldId="294"/>
            <ac:inkMk id="39" creationId="{A3D9F868-8BC7-321F-64A4-90CC195A8ACC}"/>
          </ac:inkMkLst>
        </pc:inkChg>
        <pc:inkChg chg="add del">
          <ac:chgData name="Emelie Westall Lundqvist" userId="S::s221956@dtu.dk::3a6c0c6b-4056-4919-93f8-4a249b28df98" providerId="AD" clId="Web-{E0C1A4DC-2694-93ED-9E6A-CF2038567342}" dt="2022-12-16T12:36:15.559" v="129"/>
          <ac:inkMkLst>
            <pc:docMk/>
            <pc:sldMk cId="3846275707" sldId="294"/>
            <ac:inkMk id="40" creationId="{04A74B8F-1BFA-019A-7CD8-D00A0C4D60B1}"/>
          </ac:inkMkLst>
        </pc:inkChg>
        <pc:cxnChg chg="mod">
          <ac:chgData name="Emelie Westall Lundqvist" userId="S::s221956@dtu.dk::3a6c0c6b-4056-4919-93f8-4a249b28df98" providerId="AD" clId="Web-{E0C1A4DC-2694-93ED-9E6A-CF2038567342}" dt="2022-12-16T14:23:48.830" v="1345" actId="1076"/>
          <ac:cxnSpMkLst>
            <pc:docMk/>
            <pc:sldMk cId="3846275707" sldId="294"/>
            <ac:cxnSpMk id="22" creationId="{170C7240-7E81-9BE1-661A-0D09B7568B65}"/>
          </ac:cxnSpMkLst>
        </pc:cxnChg>
      </pc:sldChg>
      <pc:sldChg chg="del">
        <pc:chgData name="Emelie Westall Lundqvist" userId="S::s221956@dtu.dk::3a6c0c6b-4056-4919-93f8-4a249b28df98" providerId="AD" clId="Web-{E0C1A4DC-2694-93ED-9E6A-CF2038567342}" dt="2022-12-16T13:06:35.006" v="317"/>
        <pc:sldMkLst>
          <pc:docMk/>
          <pc:sldMk cId="132059894" sldId="295"/>
        </pc:sldMkLst>
      </pc:sldChg>
      <pc:sldChg chg="modSp">
        <pc:chgData name="Emelie Westall Lundqvist" userId="S::s221956@dtu.dk::3a6c0c6b-4056-4919-93f8-4a249b28df98" providerId="AD" clId="Web-{E0C1A4DC-2694-93ED-9E6A-CF2038567342}" dt="2022-12-16T13:28:57.649" v="452" actId="20577"/>
        <pc:sldMkLst>
          <pc:docMk/>
          <pc:sldMk cId="2631261181" sldId="295"/>
        </pc:sldMkLst>
        <pc:spChg chg="mod">
          <ac:chgData name="Emelie Westall Lundqvist" userId="S::s221956@dtu.dk::3a6c0c6b-4056-4919-93f8-4a249b28df98" providerId="AD" clId="Web-{E0C1A4DC-2694-93ED-9E6A-CF2038567342}" dt="2022-12-16T13:28:16.384" v="415" actId="20577"/>
          <ac:spMkLst>
            <pc:docMk/>
            <pc:sldMk cId="2631261181" sldId="295"/>
            <ac:spMk id="2" creationId="{2CE1C184-1A2F-CFB3-F25C-8CBE0E309B84}"/>
          </ac:spMkLst>
        </pc:spChg>
        <pc:spChg chg="mod">
          <ac:chgData name="Emelie Westall Lundqvist" userId="S::s221956@dtu.dk::3a6c0c6b-4056-4919-93f8-4a249b28df98" providerId="AD" clId="Web-{E0C1A4DC-2694-93ED-9E6A-CF2038567342}" dt="2022-12-16T13:28:57.649" v="452" actId="20577"/>
          <ac:spMkLst>
            <pc:docMk/>
            <pc:sldMk cId="2631261181" sldId="295"/>
            <ac:spMk id="3" creationId="{DD7E95CF-6105-268D-055E-23E9565290BC}"/>
          </ac:spMkLst>
        </pc:spChg>
      </pc:sldChg>
      <pc:sldChg chg="modSp new del">
        <pc:chgData name="Emelie Westall Lundqvist" userId="S::s221956@dtu.dk::3a6c0c6b-4056-4919-93f8-4a249b28df98" providerId="AD" clId="Web-{E0C1A4DC-2694-93ED-9E6A-CF2038567342}" dt="2022-12-16T13:34:46.551" v="545"/>
        <pc:sldMkLst>
          <pc:docMk/>
          <pc:sldMk cId="347557245" sldId="296"/>
        </pc:sldMkLst>
        <pc:spChg chg="mod">
          <ac:chgData name="Emelie Westall Lundqvist" userId="S::s221956@dtu.dk::3a6c0c6b-4056-4919-93f8-4a249b28df98" providerId="AD" clId="Web-{E0C1A4DC-2694-93ED-9E6A-CF2038567342}" dt="2022-12-16T13:34:33.020" v="543" actId="20577"/>
          <ac:spMkLst>
            <pc:docMk/>
            <pc:sldMk cId="347557245" sldId="296"/>
            <ac:spMk id="2" creationId="{5E6C0C19-4867-6622-A5EE-0520F2423018}"/>
          </ac:spMkLst>
        </pc:spChg>
      </pc:sldChg>
      <pc:sldChg chg="addSp delSp modSp add replId">
        <pc:chgData name="Emelie Westall Lundqvist" userId="S::s221956@dtu.dk::3a6c0c6b-4056-4919-93f8-4a249b28df98" providerId="AD" clId="Web-{E0C1A4DC-2694-93ED-9E6A-CF2038567342}" dt="2022-12-16T13:55:42.849" v="1026" actId="20577"/>
        <pc:sldMkLst>
          <pc:docMk/>
          <pc:sldMk cId="3126814601" sldId="297"/>
        </pc:sldMkLst>
        <pc:spChg chg="mod">
          <ac:chgData name="Emelie Westall Lundqvist" userId="S::s221956@dtu.dk::3a6c0c6b-4056-4919-93f8-4a249b28df98" providerId="AD" clId="Web-{E0C1A4DC-2694-93ED-9E6A-CF2038567342}" dt="2022-12-16T13:35:02.645" v="570" actId="20577"/>
          <ac:spMkLst>
            <pc:docMk/>
            <pc:sldMk cId="3126814601" sldId="297"/>
            <ac:spMk id="3" creationId="{89E26569-BA16-7E1E-ACF2-21DBA23C3713}"/>
          </ac:spMkLst>
        </pc:spChg>
        <pc:spChg chg="add mod">
          <ac:chgData name="Emelie Westall Lundqvist" userId="S::s221956@dtu.dk::3a6c0c6b-4056-4919-93f8-4a249b28df98" providerId="AD" clId="Web-{E0C1A4DC-2694-93ED-9E6A-CF2038567342}" dt="2022-12-16T13:55:42.849" v="1026" actId="20577"/>
          <ac:spMkLst>
            <pc:docMk/>
            <pc:sldMk cId="3126814601" sldId="297"/>
            <ac:spMk id="5" creationId="{144ED827-ACA1-5E06-7C3D-51B166105391}"/>
          </ac:spMkLst>
        </pc:spChg>
        <pc:spChg chg="mod">
          <ac:chgData name="Emelie Westall Lundqvist" userId="S::s221956@dtu.dk::3a6c0c6b-4056-4919-93f8-4a249b28df98" providerId="AD" clId="Web-{E0C1A4DC-2694-93ED-9E6A-CF2038567342}" dt="2022-12-16T13:34:56.317" v="568" actId="14100"/>
          <ac:spMkLst>
            <pc:docMk/>
            <pc:sldMk cId="3126814601" sldId="297"/>
            <ac:spMk id="9" creationId="{6D7B45B7-3FFF-6874-0FED-88BB7D81D986}"/>
          </ac:spMkLst>
        </pc:spChg>
        <pc:spChg chg="del">
          <ac:chgData name="Emelie Westall Lundqvist" userId="S::s221956@dtu.dk::3a6c0c6b-4056-4919-93f8-4a249b28df98" providerId="AD" clId="Web-{E0C1A4DC-2694-93ED-9E6A-CF2038567342}" dt="2022-12-16T13:42:00.577" v="602"/>
          <ac:spMkLst>
            <pc:docMk/>
            <pc:sldMk cId="3126814601" sldId="297"/>
            <ac:spMk id="14" creationId="{1737F13D-0CBA-A0C0-31D6-1A9B989880B4}"/>
          </ac:spMkLst>
        </pc:spChg>
        <pc:spChg chg="del">
          <ac:chgData name="Emelie Westall Lundqvist" userId="S::s221956@dtu.dk::3a6c0c6b-4056-4919-93f8-4a249b28df98" providerId="AD" clId="Web-{E0C1A4DC-2694-93ED-9E6A-CF2038567342}" dt="2022-12-16T13:42:04.780" v="604"/>
          <ac:spMkLst>
            <pc:docMk/>
            <pc:sldMk cId="3126814601" sldId="297"/>
            <ac:spMk id="24" creationId="{D9246612-B4AD-7A78-0FFB-DCDFDC32932D}"/>
          </ac:spMkLst>
        </pc:spChg>
        <pc:picChg chg="add mod">
          <ac:chgData name="Emelie Westall Lundqvist" userId="S::s221956@dtu.dk::3a6c0c6b-4056-4919-93f8-4a249b28df98" providerId="AD" clId="Web-{E0C1A4DC-2694-93ED-9E6A-CF2038567342}" dt="2022-12-16T13:42:09.327" v="605" actId="1076"/>
          <ac:picMkLst>
            <pc:docMk/>
            <pc:sldMk cId="3126814601" sldId="297"/>
            <ac:picMk id="2" creationId="{A1FBDAE1-64E4-27EA-FCD6-3E1B2B23BE10}"/>
          </ac:picMkLst>
        </pc:picChg>
        <pc:picChg chg="del">
          <ac:chgData name="Emelie Westall Lundqvist" userId="S::s221956@dtu.dk::3a6c0c6b-4056-4919-93f8-4a249b28df98" providerId="AD" clId="Web-{E0C1A4DC-2694-93ED-9E6A-CF2038567342}" dt="2022-12-16T13:42:01.249" v="603"/>
          <ac:picMkLst>
            <pc:docMk/>
            <pc:sldMk cId="3126814601" sldId="297"/>
            <ac:picMk id="16" creationId="{BE9025E5-F2D6-B905-B30D-9E10BDAD3A39}"/>
          </ac:picMkLst>
        </pc:picChg>
        <pc:picChg chg="del">
          <ac:chgData name="Emelie Westall Lundqvist" userId="S::s221956@dtu.dk::3a6c0c6b-4056-4919-93f8-4a249b28df98" providerId="AD" clId="Web-{E0C1A4DC-2694-93ED-9E6A-CF2038567342}" dt="2022-12-16T13:42:00.577" v="601"/>
          <ac:picMkLst>
            <pc:docMk/>
            <pc:sldMk cId="3126814601" sldId="297"/>
            <ac:picMk id="18" creationId="{D8011D27-5D90-2AED-0631-EAEC0E1369AE}"/>
          </ac:picMkLst>
        </pc:picChg>
      </pc:sldChg>
      <pc:sldChg chg="new del">
        <pc:chgData name="Emelie Westall Lundqvist" userId="S::s221956@dtu.dk::3a6c0c6b-4056-4919-93f8-4a249b28df98" providerId="AD" clId="Web-{E0C1A4DC-2694-93ED-9E6A-CF2038567342}" dt="2022-12-16T13:56:07.489" v="1028"/>
        <pc:sldMkLst>
          <pc:docMk/>
          <pc:sldMk cId="335528259" sldId="298"/>
        </pc:sldMkLst>
      </pc:sldChg>
    </pc:docChg>
  </pc:docChgLst>
</pc:chgInfo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0_2">
  <dgm:title val=""/>
  <dgm:desc val=""/>
  <dgm:catLst>
    <dgm:cat type="mainScheme" pri="10200"/>
  </dgm:catLst>
  <dgm:styleLbl name="node0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node1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alignNode1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lnNode1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vennNode1">
    <dgm:fillClrLst meth="repeat">
      <a:schemeClr val="lt1">
        <a:alpha val="50000"/>
      </a:schemeClr>
    </dgm:fillClrLst>
    <dgm:linClrLst meth="repeat">
      <a:schemeClr val="dk2">
        <a:shade val="80000"/>
      </a:schemeClr>
    </dgm:linClrLst>
    <dgm:effectClrLst/>
    <dgm:txLinClrLst/>
    <dgm:txFillClrLst/>
    <dgm:txEffectClrLst/>
  </dgm:styleLbl>
  <dgm:styleLbl name="node2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node3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node4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fgImgPlace1">
    <dgm:fillClrLst meth="repeat">
      <a:schemeClr val="dk2">
        <a:tint val="4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dk2">
        <a:tint val="4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dk2">
        <a:tint val="4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 meth="repeat">
      <a:schemeClr val="dk2"/>
    </dgm:txFillClrLst>
    <dgm:txEffectClrLst/>
  </dgm:styleLbl>
  <dgm:styleLbl name="f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 meth="repeat">
      <a:schemeClr val="dk2"/>
    </dgm:txFillClrLst>
    <dgm:txEffectClrLst/>
  </dgm:styleLbl>
  <dgm:styleLbl name="b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 meth="repeat">
      <a:schemeClr val="dk2"/>
    </dgm:txFillClrLst>
    <dgm:txEffectClrLst/>
  </dgm:styleLbl>
  <dgm:styleLbl name="sibTrans1D1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asst1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asst2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asst3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asst4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parCh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parChTrans2D2">
    <dgm:fillClrLst meth="repeat">
      <a:schemeClr val="dk2"/>
    </dgm:fillClrLst>
    <dgm:linClrLst meth="repeat">
      <a:schemeClr val="dk2"/>
    </dgm:linClrLst>
    <dgm:effectClrLst/>
    <dgm:txLinClrLst/>
    <dgm:txFillClrLst/>
    <dgm:txEffectClrLst/>
  </dgm:styleLbl>
  <dgm:styleLbl name="parChTrans2D3">
    <dgm:fillClrLst meth="repeat">
      <a:schemeClr val="dk2"/>
    </dgm:fillClrLst>
    <dgm:linClrLst meth="repeat">
      <a:schemeClr val="dk2"/>
    </dgm:linClrLst>
    <dgm:effectClrLst/>
    <dgm:txLinClrLst/>
    <dgm:txFillClrLst/>
    <dgm:txEffectClrLst/>
  </dgm:styleLbl>
  <dgm:styleLbl name="parChTrans2D4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dk2">
        <a:alpha val="90000"/>
        <a:tint val="40000"/>
      </a:schemeClr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conFgAcc1">
    <dgm:fillClrLst meth="repeat">
      <a:schemeClr val="dk2">
        <a:alpha val="90000"/>
        <a:tint val="40000"/>
      </a:schemeClr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alignAcc1">
    <dgm:fillClrLst meth="repeat">
      <a:schemeClr val="dk2">
        <a:alpha val="90000"/>
        <a:tint val="40000"/>
      </a:schemeClr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trAlignAcc1">
    <dgm:fillClrLst meth="repeat">
      <a:schemeClr val="dk2">
        <a:alpha val="40000"/>
        <a:tint val="40000"/>
      </a:schemeClr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bgAcc1">
    <dgm:fillClrLst meth="repeat">
      <a:schemeClr val="dk2">
        <a:alpha val="90000"/>
        <a:tint val="40000"/>
      </a:schemeClr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solidFgAcc1">
    <dgm:fillClrLst meth="repeat">
      <a:schemeClr val="lt1"/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solidAlignAcc1">
    <dgm:fillClrLst meth="repeat">
      <a:schemeClr val="lt1"/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solidBgAcc1">
    <dgm:fillClrLst meth="repeat">
      <a:schemeClr val="lt1"/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fgAccFollowNode1">
    <dgm:fillClrLst meth="repeat">
      <a:schemeClr val="lt1">
        <a:alpha val="90000"/>
        <a:tint val="40000"/>
      </a:schemeClr>
    </dgm:fillClrLst>
    <dgm:linClrLst meth="repeat">
      <a:schemeClr val="dk2">
        <a:alpha val="90000"/>
      </a:schemeClr>
    </dgm:linClrLst>
    <dgm:effectClrLst/>
    <dgm:txLinClrLst/>
    <dgm:txFillClrLst meth="repeat">
      <a:schemeClr val="dk2"/>
    </dgm:txFillClrLst>
    <dgm:txEffectClrLst/>
  </dgm:styleLbl>
  <dgm:styleLbl name="alignAccFollowNode1">
    <dgm:fillClrLst meth="repeat">
      <a:schemeClr val="lt1">
        <a:alpha val="90000"/>
        <a:tint val="40000"/>
      </a:schemeClr>
    </dgm:fillClrLst>
    <dgm:linClrLst meth="repeat">
      <a:schemeClr val="dk2">
        <a:alpha val="90000"/>
      </a:schemeClr>
    </dgm:linClrLst>
    <dgm:effectClrLst/>
    <dgm:txLinClrLst/>
    <dgm:txFillClrLst meth="repeat">
      <a:schemeClr val="dk2"/>
    </dgm:txFillClrLst>
    <dgm:txEffectClrLst/>
  </dgm:styleLbl>
  <dgm:styleLbl name="bgAccFollowNode1">
    <dgm:fillClrLst meth="repeat">
      <a:schemeClr val="lt1">
        <a:alpha val="90000"/>
        <a:tint val="40000"/>
      </a:schemeClr>
    </dgm:fillClrLst>
    <dgm:linClrLst meth="repeat">
      <a:schemeClr val="dk2">
        <a:alpha val="90000"/>
      </a:schemeClr>
    </dgm:linClrLst>
    <dgm:effectClrLst/>
    <dgm:txLinClrLst/>
    <dgm:txFillClrLst meth="repeat">
      <a:schemeClr val="dk2"/>
    </dgm:txFillClrLst>
    <dgm:txEffectClrLst/>
  </dgm:styleLbl>
  <dgm:styleLbl name="fgAcc0">
    <dgm:fillClrLst meth="repeat">
      <a:schemeClr val="dk2">
        <a:alpha val="90000"/>
        <a:tint val="40000"/>
      </a:schemeClr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fgAcc2">
    <dgm:fillClrLst meth="repeat">
      <a:schemeClr val="dk2">
        <a:alpha val="90000"/>
        <a:tint val="40000"/>
      </a:schemeClr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fgAcc3">
    <dgm:fillClrLst meth="repeat">
      <a:schemeClr val="dk2">
        <a:alpha val="90000"/>
        <a:tint val="40000"/>
      </a:schemeClr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fgAcc4">
    <dgm:fillClrLst meth="repeat">
      <a:schemeClr val="dk2">
        <a:alpha val="90000"/>
        <a:tint val="40000"/>
      </a:schemeClr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bgShp">
    <dgm:fillClrLst meth="repeat">
      <a:schemeClr val="dk2">
        <a:tint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dk2">
        <a:shade val="80000"/>
      </a:schemeClr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trBgShp">
    <dgm:fillClrLst meth="repeat">
      <a:schemeClr val="dk2">
        <a:tint val="50000"/>
        <a:alpha val="40000"/>
      </a:schemeClr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fgShp">
    <dgm:fillClrLst meth="repeat">
      <a:schemeClr val="dk2">
        <a:tint val="60000"/>
      </a:schemeClr>
    </dgm:fillClrLst>
    <dgm:linClrLst meth="repeat">
      <a:schemeClr val="lt1"/>
    </dgm:linClrLst>
    <dgm:effectClrLst/>
    <dgm:txLinClrLst/>
    <dgm:txFillClrLst meth="repeat">
      <a:schemeClr val="dk2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2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2C55B527-B640-42E4-A98E-4CC6E73659E5}" type="doc">
      <dgm:prSet loTypeId="urn:microsoft.com/office/officeart/2005/8/layout/hierarchy2" loCatId="hierarchy" qsTypeId="urn:microsoft.com/office/officeart/2005/8/quickstyle/3d3" qsCatId="3D" csTypeId="urn:microsoft.com/office/officeart/2005/8/colors/accent0_2" csCatId="mainScheme" phldr="1"/>
      <dgm:spPr/>
      <dgm:t>
        <a:bodyPr/>
        <a:lstStyle/>
        <a:p>
          <a:endParaRPr lang="en-GB"/>
        </a:p>
      </dgm:t>
    </dgm:pt>
    <dgm:pt modelId="{DE7F9C23-23ED-464C-9B7D-066EEE6F2096}">
      <dgm:prSet phldrT="[Text]"/>
      <dgm:spPr>
        <a:solidFill>
          <a:schemeClr val="accent1">
            <a:lumMod val="20000"/>
            <a:lumOff val="80000"/>
            <a:alpha val="32000"/>
          </a:schemeClr>
        </a:solidFill>
      </dgm:spPr>
      <dgm:t>
        <a:bodyPr/>
        <a:lstStyle/>
        <a:p>
          <a:r>
            <a:rPr lang="sv-SE"/>
            <a:t>Cyclic Voltammetry</a:t>
          </a:r>
          <a:endParaRPr lang="en-GB"/>
        </a:p>
      </dgm:t>
    </dgm:pt>
    <dgm:pt modelId="{F2763411-7963-4C01-BD7A-BBC74F66B8C1}" type="parTrans" cxnId="{90176A6F-46CA-4B94-8860-284D6BB14FCA}">
      <dgm:prSet/>
      <dgm:spPr/>
      <dgm:t>
        <a:bodyPr/>
        <a:lstStyle/>
        <a:p>
          <a:endParaRPr lang="en-GB"/>
        </a:p>
      </dgm:t>
    </dgm:pt>
    <dgm:pt modelId="{DD437963-A934-4FAA-8C3D-AB35AA27446D}" type="sibTrans" cxnId="{90176A6F-46CA-4B94-8860-284D6BB14FCA}">
      <dgm:prSet/>
      <dgm:spPr/>
      <dgm:t>
        <a:bodyPr/>
        <a:lstStyle/>
        <a:p>
          <a:endParaRPr lang="en-GB"/>
        </a:p>
      </dgm:t>
    </dgm:pt>
    <dgm:pt modelId="{44FAA55C-AC02-4958-9B12-F118FB37B287}">
      <dgm:prSet phldrT="[Text]" phldr="0"/>
      <dgm:spPr>
        <a:solidFill>
          <a:schemeClr val="accent1">
            <a:lumMod val="20000"/>
            <a:lumOff val="80000"/>
            <a:alpha val="32000"/>
          </a:schemeClr>
        </a:solidFill>
      </dgm:spPr>
      <dgm:t>
        <a:bodyPr/>
        <a:lstStyle/>
        <a:p>
          <a:pPr rtl="0"/>
          <a:r>
            <a:rPr lang="sv-SE"/>
            <a:t> Charge - Discharge</a:t>
          </a:r>
        </a:p>
      </dgm:t>
    </dgm:pt>
    <dgm:pt modelId="{3A8DBAE6-05C7-43B9-AD0F-524C362A6C27}" type="parTrans" cxnId="{A4693904-1F43-4B4F-BC3C-BD158273C97E}">
      <dgm:prSet/>
      <dgm:spPr/>
      <dgm:t>
        <a:bodyPr/>
        <a:lstStyle/>
        <a:p>
          <a:endParaRPr lang="en-GB"/>
        </a:p>
      </dgm:t>
    </dgm:pt>
    <dgm:pt modelId="{994F1544-468C-4D8A-ACCA-1CF1C750FC91}" type="sibTrans" cxnId="{A4693904-1F43-4B4F-BC3C-BD158273C97E}">
      <dgm:prSet/>
      <dgm:spPr/>
      <dgm:t>
        <a:bodyPr/>
        <a:lstStyle/>
        <a:p>
          <a:endParaRPr lang="en-GB"/>
        </a:p>
      </dgm:t>
    </dgm:pt>
    <dgm:pt modelId="{336B5B52-1537-4D57-AAAD-6F8082A47AAE}">
      <dgm:prSet phldrT="[Text]" phldr="0"/>
      <dgm:spPr/>
      <dgm:t>
        <a:bodyPr/>
        <a:lstStyle/>
        <a:p>
          <a:pPr rtl="0"/>
          <a:r>
            <a:rPr lang="sv-SE">
              <a:cs typeface="Arial"/>
            </a:rPr>
            <a:t>SOC</a:t>
          </a:r>
          <a:endParaRPr lang="sv-SE"/>
        </a:p>
      </dgm:t>
    </dgm:pt>
    <dgm:pt modelId="{DF7FBE4F-01C7-4350-B32E-3D32EE0A15B8}" type="parTrans" cxnId="{C7DE2E36-4110-4ED2-96B1-C54ECEEF7D0C}">
      <dgm:prSet/>
      <dgm:spPr/>
      <dgm:t>
        <a:bodyPr/>
        <a:lstStyle/>
        <a:p>
          <a:endParaRPr lang="en-GB"/>
        </a:p>
      </dgm:t>
    </dgm:pt>
    <dgm:pt modelId="{8E507105-DBA2-4CE0-843C-09478D95C920}" type="sibTrans" cxnId="{C7DE2E36-4110-4ED2-96B1-C54ECEEF7D0C}">
      <dgm:prSet/>
      <dgm:spPr/>
      <dgm:t>
        <a:bodyPr/>
        <a:lstStyle/>
        <a:p>
          <a:endParaRPr lang="en-GB"/>
        </a:p>
      </dgm:t>
    </dgm:pt>
    <dgm:pt modelId="{7641B6DF-457C-420A-94BF-0EE30156502A}">
      <dgm:prSet/>
      <dgm:spPr/>
      <dgm:t>
        <a:bodyPr/>
        <a:lstStyle/>
        <a:p>
          <a:pPr rtl="0"/>
          <a:r>
            <a:rPr lang="sv-SE">
              <a:cs typeface="Arial"/>
            </a:rPr>
            <a:t>Volumetric capacity</a:t>
          </a:r>
        </a:p>
      </dgm:t>
    </dgm:pt>
    <dgm:pt modelId="{888DB451-32A8-4B3C-B40F-C3ABF10CF0C7}" type="parTrans" cxnId="{5F92BA2D-7AC1-4494-9B72-98266A524CC5}">
      <dgm:prSet/>
      <dgm:spPr/>
      <dgm:t>
        <a:bodyPr/>
        <a:lstStyle/>
        <a:p>
          <a:endParaRPr lang="en-GB"/>
        </a:p>
      </dgm:t>
    </dgm:pt>
    <dgm:pt modelId="{CE8A9B99-53A2-432A-B303-CD4C97E9905D}" type="sibTrans" cxnId="{5F92BA2D-7AC1-4494-9B72-98266A524CC5}">
      <dgm:prSet/>
      <dgm:spPr/>
      <dgm:t>
        <a:bodyPr/>
        <a:lstStyle/>
        <a:p>
          <a:endParaRPr lang="en-GB"/>
        </a:p>
      </dgm:t>
    </dgm:pt>
    <dgm:pt modelId="{F1AF22BE-84D8-41B3-81FB-6001455D7C08}">
      <dgm:prSet/>
      <dgm:spPr/>
      <dgm:t>
        <a:bodyPr/>
        <a:lstStyle/>
        <a:p>
          <a:pPr rtl="0"/>
          <a:r>
            <a:rPr lang="sv-SE">
              <a:cs typeface="Arial"/>
            </a:rPr>
            <a:t>Volumetric energy density </a:t>
          </a:r>
        </a:p>
      </dgm:t>
    </dgm:pt>
    <dgm:pt modelId="{F55489B3-BB5D-45ED-A57B-30958FFA502A}" type="parTrans" cxnId="{B9098AE4-0901-4AA6-B20B-589E38E47D0F}">
      <dgm:prSet/>
      <dgm:spPr/>
      <dgm:t>
        <a:bodyPr/>
        <a:lstStyle/>
        <a:p>
          <a:endParaRPr lang="en-GB"/>
        </a:p>
      </dgm:t>
    </dgm:pt>
    <dgm:pt modelId="{DCD024B0-6AC4-4F55-A7AA-58B8E9D3D1D9}" type="sibTrans" cxnId="{B9098AE4-0901-4AA6-B20B-589E38E47D0F}">
      <dgm:prSet/>
      <dgm:spPr/>
      <dgm:t>
        <a:bodyPr/>
        <a:lstStyle/>
        <a:p>
          <a:endParaRPr lang="en-GB"/>
        </a:p>
      </dgm:t>
    </dgm:pt>
    <dgm:pt modelId="{F8C11580-AEE8-4EC0-AE49-5AFED0E53B98}">
      <dgm:prSet phldrT="[Text]"/>
      <dgm:spPr/>
      <dgm:t>
        <a:bodyPr/>
        <a:lstStyle/>
        <a:p>
          <a:r>
            <a:rPr lang="it-IT"/>
            <a:t>Cell </a:t>
          </a:r>
          <a:r>
            <a:rPr lang="it-IT" err="1"/>
            <a:t>potential</a:t>
          </a:r>
          <a:endParaRPr lang="en-GB"/>
        </a:p>
      </dgm:t>
    </dgm:pt>
    <dgm:pt modelId="{2FE3F25D-F499-4E10-9EC7-D885B0E39458}" type="parTrans" cxnId="{742857C9-DE70-4DCD-837D-6DA2EDBB41A2}">
      <dgm:prSet/>
      <dgm:spPr/>
      <dgm:t>
        <a:bodyPr/>
        <a:lstStyle/>
        <a:p>
          <a:endParaRPr lang="en-GB"/>
        </a:p>
      </dgm:t>
    </dgm:pt>
    <dgm:pt modelId="{FA93A5D5-975F-4020-B72B-6AB1101BEF84}" type="sibTrans" cxnId="{742857C9-DE70-4DCD-837D-6DA2EDBB41A2}">
      <dgm:prSet/>
      <dgm:spPr/>
      <dgm:t>
        <a:bodyPr/>
        <a:lstStyle/>
        <a:p>
          <a:endParaRPr lang="en-GB"/>
        </a:p>
      </dgm:t>
    </dgm:pt>
    <dgm:pt modelId="{3AAD7B0D-6268-431D-85DC-8F43B7818FCA}">
      <dgm:prSet phldrT="[Text]" custT="1"/>
      <dgm:spPr>
        <a:solidFill>
          <a:schemeClr val="tx2">
            <a:alpha val="11000"/>
          </a:schemeClr>
        </a:solidFill>
      </dgm:spPr>
      <dgm:t>
        <a:bodyPr/>
        <a:lstStyle/>
        <a:p>
          <a:r>
            <a:rPr lang="it-IT" sz="2800" b="1" err="1"/>
            <a:t>Electrolytes</a:t>
          </a:r>
          <a:endParaRPr lang="en-GB" sz="2100" b="1"/>
        </a:p>
      </dgm:t>
    </dgm:pt>
    <dgm:pt modelId="{885C5B74-7837-4723-84CB-3CB519F7911A}" type="parTrans" cxnId="{E25EF6E0-754E-4D1E-98EF-71561162C29A}">
      <dgm:prSet/>
      <dgm:spPr/>
      <dgm:t>
        <a:bodyPr/>
        <a:lstStyle/>
        <a:p>
          <a:endParaRPr lang="en-GB"/>
        </a:p>
      </dgm:t>
    </dgm:pt>
    <dgm:pt modelId="{82E541F9-DFFB-4D6D-93DF-C824FC971F26}" type="sibTrans" cxnId="{E25EF6E0-754E-4D1E-98EF-71561162C29A}">
      <dgm:prSet/>
      <dgm:spPr/>
      <dgm:t>
        <a:bodyPr/>
        <a:lstStyle/>
        <a:p>
          <a:endParaRPr lang="en-GB"/>
        </a:p>
      </dgm:t>
    </dgm:pt>
    <dgm:pt modelId="{CC94AFF1-B09C-41AA-A023-13F09399CF49}">
      <dgm:prSet phldrT="[Text]" custT="1"/>
      <dgm:spPr>
        <a:solidFill>
          <a:schemeClr val="accent1">
            <a:alpha val="12000"/>
          </a:schemeClr>
        </a:solidFill>
      </dgm:spPr>
      <dgm:t>
        <a:bodyPr/>
        <a:lstStyle/>
        <a:p>
          <a:r>
            <a:rPr lang="it-IT" sz="2800" b="1" err="1"/>
            <a:t>Battery</a:t>
          </a:r>
          <a:endParaRPr lang="en-GB" sz="2100" b="1"/>
        </a:p>
      </dgm:t>
    </dgm:pt>
    <dgm:pt modelId="{5C1F6F67-1972-4FB9-8F1C-0E1DD2CAA04B}" type="parTrans" cxnId="{12ABC1C5-FDF3-436C-8448-69D8BC1BDF95}">
      <dgm:prSet/>
      <dgm:spPr/>
      <dgm:t>
        <a:bodyPr/>
        <a:lstStyle/>
        <a:p>
          <a:endParaRPr lang="en-GB"/>
        </a:p>
      </dgm:t>
    </dgm:pt>
    <dgm:pt modelId="{77292929-5519-465D-B6D2-E30633EED0E2}" type="sibTrans" cxnId="{12ABC1C5-FDF3-436C-8448-69D8BC1BDF95}">
      <dgm:prSet/>
      <dgm:spPr/>
      <dgm:t>
        <a:bodyPr/>
        <a:lstStyle/>
        <a:p>
          <a:endParaRPr lang="en-GB"/>
        </a:p>
      </dgm:t>
    </dgm:pt>
    <dgm:pt modelId="{EEAE4B8D-DBB0-443E-A94A-2625B94AEF42}" type="pres">
      <dgm:prSet presAssocID="{2C55B527-B640-42E4-A98E-4CC6E73659E5}" presName="diagram" presStyleCnt="0">
        <dgm:presLayoutVars>
          <dgm:chPref val="1"/>
          <dgm:dir/>
          <dgm:animOne val="branch"/>
          <dgm:animLvl val="lvl"/>
          <dgm:resizeHandles val="exact"/>
        </dgm:presLayoutVars>
      </dgm:prSet>
      <dgm:spPr/>
    </dgm:pt>
    <dgm:pt modelId="{08B11C5B-C9FB-4FBF-979D-59243F3D8F79}" type="pres">
      <dgm:prSet presAssocID="{3AAD7B0D-6268-431D-85DC-8F43B7818FCA}" presName="root1" presStyleCnt="0"/>
      <dgm:spPr/>
    </dgm:pt>
    <dgm:pt modelId="{5DA87A94-77E4-4B05-BE2D-1E62BF34F07C}" type="pres">
      <dgm:prSet presAssocID="{3AAD7B0D-6268-431D-85DC-8F43B7818FCA}" presName="LevelOneTextNode" presStyleLbl="node0" presStyleIdx="0" presStyleCnt="2" custScaleX="53321" custScaleY="50777">
        <dgm:presLayoutVars>
          <dgm:chPref val="3"/>
        </dgm:presLayoutVars>
      </dgm:prSet>
      <dgm:spPr/>
    </dgm:pt>
    <dgm:pt modelId="{8E1650AD-44B3-47BC-93F4-AE9964C07F5D}" type="pres">
      <dgm:prSet presAssocID="{3AAD7B0D-6268-431D-85DC-8F43B7818FCA}" presName="level2hierChild" presStyleCnt="0"/>
      <dgm:spPr/>
    </dgm:pt>
    <dgm:pt modelId="{CE4BECDE-20A8-4082-87F5-EE84310B8D76}" type="pres">
      <dgm:prSet presAssocID="{F2763411-7963-4C01-BD7A-BBC74F66B8C1}" presName="conn2-1" presStyleLbl="parChTrans1D2" presStyleIdx="0" presStyleCnt="2"/>
      <dgm:spPr/>
    </dgm:pt>
    <dgm:pt modelId="{9359C24F-559E-4884-AD8A-6600DF494E20}" type="pres">
      <dgm:prSet presAssocID="{F2763411-7963-4C01-BD7A-BBC74F66B8C1}" presName="connTx" presStyleLbl="parChTrans1D2" presStyleIdx="0" presStyleCnt="2"/>
      <dgm:spPr/>
    </dgm:pt>
    <dgm:pt modelId="{4B15E62F-C923-4937-BE89-0684FE84EBF5}" type="pres">
      <dgm:prSet presAssocID="{DE7F9C23-23ED-464C-9B7D-066EEE6F2096}" presName="root2" presStyleCnt="0"/>
      <dgm:spPr/>
    </dgm:pt>
    <dgm:pt modelId="{3F723A8E-9E6C-4C9B-BF1D-A1183EE5A055}" type="pres">
      <dgm:prSet presAssocID="{DE7F9C23-23ED-464C-9B7D-066EEE6F2096}" presName="LevelTwoTextNode" presStyleLbl="node2" presStyleIdx="0" presStyleCnt="2" custScaleX="53321" custScaleY="50777">
        <dgm:presLayoutVars>
          <dgm:chPref val="3"/>
        </dgm:presLayoutVars>
      </dgm:prSet>
      <dgm:spPr/>
    </dgm:pt>
    <dgm:pt modelId="{6CE1F93E-6648-4031-9742-F68B27060040}" type="pres">
      <dgm:prSet presAssocID="{DE7F9C23-23ED-464C-9B7D-066EEE6F2096}" presName="level3hierChild" presStyleCnt="0"/>
      <dgm:spPr/>
    </dgm:pt>
    <dgm:pt modelId="{E8B759C5-4EF0-4E4D-BCA7-F7B477C8A92C}" type="pres">
      <dgm:prSet presAssocID="{2FE3F25D-F499-4E10-9EC7-D885B0E39458}" presName="conn2-1" presStyleLbl="parChTrans1D3" presStyleIdx="0" presStyleCnt="4"/>
      <dgm:spPr/>
    </dgm:pt>
    <dgm:pt modelId="{120D058C-C319-447D-97C8-45150E276FAF}" type="pres">
      <dgm:prSet presAssocID="{2FE3F25D-F499-4E10-9EC7-D885B0E39458}" presName="connTx" presStyleLbl="parChTrans1D3" presStyleIdx="0" presStyleCnt="4"/>
      <dgm:spPr/>
    </dgm:pt>
    <dgm:pt modelId="{5204CA60-DDA6-4212-A0A1-511A8F9C5B48}" type="pres">
      <dgm:prSet presAssocID="{F8C11580-AEE8-4EC0-AE49-5AFED0E53B98}" presName="root2" presStyleCnt="0"/>
      <dgm:spPr/>
    </dgm:pt>
    <dgm:pt modelId="{E6441FB7-9E85-4E7B-8236-CFA779DAAAC8}" type="pres">
      <dgm:prSet presAssocID="{F8C11580-AEE8-4EC0-AE49-5AFED0E53B98}" presName="LevelTwoTextNode" presStyleLbl="node3" presStyleIdx="0" presStyleCnt="4" custScaleX="45395" custScaleY="27461" custLinFactNeighborX="208" custLinFactNeighborY="-374">
        <dgm:presLayoutVars>
          <dgm:chPref val="3"/>
        </dgm:presLayoutVars>
      </dgm:prSet>
      <dgm:spPr/>
    </dgm:pt>
    <dgm:pt modelId="{725BD80B-337A-45EE-A3AD-063076CA8DBF}" type="pres">
      <dgm:prSet presAssocID="{F8C11580-AEE8-4EC0-AE49-5AFED0E53B98}" presName="level3hierChild" presStyleCnt="0"/>
      <dgm:spPr/>
    </dgm:pt>
    <dgm:pt modelId="{D3FD406F-BFBC-4589-B93A-7072ADEDCD69}" type="pres">
      <dgm:prSet presAssocID="{CC94AFF1-B09C-41AA-A023-13F09399CF49}" presName="root1" presStyleCnt="0"/>
      <dgm:spPr/>
    </dgm:pt>
    <dgm:pt modelId="{89477C7B-133E-4F66-B9A8-86AB6FB3B79C}" type="pres">
      <dgm:prSet presAssocID="{CC94AFF1-B09C-41AA-A023-13F09399CF49}" presName="LevelOneTextNode" presStyleLbl="node0" presStyleIdx="1" presStyleCnt="2" custScaleX="53321" custScaleY="50777">
        <dgm:presLayoutVars>
          <dgm:chPref val="3"/>
        </dgm:presLayoutVars>
      </dgm:prSet>
      <dgm:spPr/>
    </dgm:pt>
    <dgm:pt modelId="{008C18CB-3A51-4EBF-B18A-C8FB5639594E}" type="pres">
      <dgm:prSet presAssocID="{CC94AFF1-B09C-41AA-A023-13F09399CF49}" presName="level2hierChild" presStyleCnt="0"/>
      <dgm:spPr/>
    </dgm:pt>
    <dgm:pt modelId="{4B74F24D-BA6C-426F-9B50-245CCFCE60EE}" type="pres">
      <dgm:prSet presAssocID="{3A8DBAE6-05C7-43B9-AD0F-524C362A6C27}" presName="conn2-1" presStyleLbl="parChTrans1D2" presStyleIdx="1" presStyleCnt="2"/>
      <dgm:spPr/>
    </dgm:pt>
    <dgm:pt modelId="{1D5247C2-54B9-45D6-AC70-12514149AA3D}" type="pres">
      <dgm:prSet presAssocID="{3A8DBAE6-05C7-43B9-AD0F-524C362A6C27}" presName="connTx" presStyleLbl="parChTrans1D2" presStyleIdx="1" presStyleCnt="2"/>
      <dgm:spPr/>
    </dgm:pt>
    <dgm:pt modelId="{BC0562ED-D205-4D2F-B302-09F629CE40F5}" type="pres">
      <dgm:prSet presAssocID="{44FAA55C-AC02-4958-9B12-F118FB37B287}" presName="root2" presStyleCnt="0"/>
      <dgm:spPr/>
    </dgm:pt>
    <dgm:pt modelId="{BED32414-0DE4-4557-94E4-91131A835D21}" type="pres">
      <dgm:prSet presAssocID="{44FAA55C-AC02-4958-9B12-F118FB37B287}" presName="LevelTwoTextNode" presStyleLbl="node2" presStyleIdx="1" presStyleCnt="2" custScaleX="53321" custScaleY="50777">
        <dgm:presLayoutVars>
          <dgm:chPref val="3"/>
        </dgm:presLayoutVars>
      </dgm:prSet>
      <dgm:spPr/>
    </dgm:pt>
    <dgm:pt modelId="{BCF489F2-7C23-45D0-8132-77E898EFE151}" type="pres">
      <dgm:prSet presAssocID="{44FAA55C-AC02-4958-9B12-F118FB37B287}" presName="level3hierChild" presStyleCnt="0"/>
      <dgm:spPr/>
    </dgm:pt>
    <dgm:pt modelId="{50863967-3F4D-4ED4-95F6-639C7ABEC80A}" type="pres">
      <dgm:prSet presAssocID="{DF7FBE4F-01C7-4350-B32E-3D32EE0A15B8}" presName="conn2-1" presStyleLbl="parChTrans1D3" presStyleIdx="1" presStyleCnt="4"/>
      <dgm:spPr/>
    </dgm:pt>
    <dgm:pt modelId="{8138E565-DAF0-49D4-BCE0-4DF89C8ED8FD}" type="pres">
      <dgm:prSet presAssocID="{DF7FBE4F-01C7-4350-B32E-3D32EE0A15B8}" presName="connTx" presStyleLbl="parChTrans1D3" presStyleIdx="1" presStyleCnt="4"/>
      <dgm:spPr/>
    </dgm:pt>
    <dgm:pt modelId="{784A56B7-30FF-4C90-B8E1-AD8837A7A264}" type="pres">
      <dgm:prSet presAssocID="{336B5B52-1537-4D57-AAAD-6F8082A47AAE}" presName="root2" presStyleCnt="0"/>
      <dgm:spPr/>
    </dgm:pt>
    <dgm:pt modelId="{1AF05C63-310F-46AF-9502-FD36395AA834}" type="pres">
      <dgm:prSet presAssocID="{336B5B52-1537-4D57-AAAD-6F8082A47AAE}" presName="LevelTwoTextNode" presStyleLbl="node3" presStyleIdx="1" presStyleCnt="4" custScaleX="44041" custScaleY="29484">
        <dgm:presLayoutVars>
          <dgm:chPref val="3"/>
        </dgm:presLayoutVars>
      </dgm:prSet>
      <dgm:spPr/>
    </dgm:pt>
    <dgm:pt modelId="{5576BEF1-F071-4F91-A88B-37D6B6A0A323}" type="pres">
      <dgm:prSet presAssocID="{336B5B52-1537-4D57-AAAD-6F8082A47AAE}" presName="level3hierChild" presStyleCnt="0"/>
      <dgm:spPr/>
    </dgm:pt>
    <dgm:pt modelId="{BFE7E5D1-F26E-4F8B-89B9-FB6444EBB1C9}" type="pres">
      <dgm:prSet presAssocID="{888DB451-32A8-4B3C-B40F-C3ABF10CF0C7}" presName="conn2-1" presStyleLbl="parChTrans1D3" presStyleIdx="2" presStyleCnt="4"/>
      <dgm:spPr/>
    </dgm:pt>
    <dgm:pt modelId="{0ABE9185-2CBB-4A0E-BD5B-D92A95794925}" type="pres">
      <dgm:prSet presAssocID="{888DB451-32A8-4B3C-B40F-C3ABF10CF0C7}" presName="connTx" presStyleLbl="parChTrans1D3" presStyleIdx="2" presStyleCnt="4"/>
      <dgm:spPr/>
    </dgm:pt>
    <dgm:pt modelId="{4FFED894-22F8-4972-8BC5-0FD95F406DAB}" type="pres">
      <dgm:prSet presAssocID="{7641B6DF-457C-420A-94BF-0EE30156502A}" presName="root2" presStyleCnt="0"/>
      <dgm:spPr/>
    </dgm:pt>
    <dgm:pt modelId="{3CA7D3FA-7E86-4ECF-BF6C-3E89C7DD2B76}" type="pres">
      <dgm:prSet presAssocID="{7641B6DF-457C-420A-94BF-0EE30156502A}" presName="LevelTwoTextNode" presStyleLbl="node3" presStyleIdx="2" presStyleCnt="4" custScaleX="44041" custScaleY="29484">
        <dgm:presLayoutVars>
          <dgm:chPref val="3"/>
        </dgm:presLayoutVars>
      </dgm:prSet>
      <dgm:spPr/>
    </dgm:pt>
    <dgm:pt modelId="{1B26A718-57A0-48C4-AB5A-FC0EC787DCD4}" type="pres">
      <dgm:prSet presAssocID="{7641B6DF-457C-420A-94BF-0EE30156502A}" presName="level3hierChild" presStyleCnt="0"/>
      <dgm:spPr/>
    </dgm:pt>
    <dgm:pt modelId="{23A03D7D-BF59-45CB-B521-F682CA73CBD2}" type="pres">
      <dgm:prSet presAssocID="{F55489B3-BB5D-45ED-A57B-30958FFA502A}" presName="conn2-1" presStyleLbl="parChTrans1D3" presStyleIdx="3" presStyleCnt="4"/>
      <dgm:spPr/>
    </dgm:pt>
    <dgm:pt modelId="{23DED0B3-46BC-44BD-B1CA-8BD6B99858F0}" type="pres">
      <dgm:prSet presAssocID="{F55489B3-BB5D-45ED-A57B-30958FFA502A}" presName="connTx" presStyleLbl="parChTrans1D3" presStyleIdx="3" presStyleCnt="4"/>
      <dgm:spPr/>
    </dgm:pt>
    <dgm:pt modelId="{A400ACA3-ABFE-43B0-B6F1-4CF4602315DF}" type="pres">
      <dgm:prSet presAssocID="{F1AF22BE-84D8-41B3-81FB-6001455D7C08}" presName="root2" presStyleCnt="0"/>
      <dgm:spPr/>
    </dgm:pt>
    <dgm:pt modelId="{176D8430-481D-406C-8B41-B06900B1EFA9}" type="pres">
      <dgm:prSet presAssocID="{F1AF22BE-84D8-41B3-81FB-6001455D7C08}" presName="LevelTwoTextNode" presStyleLbl="node3" presStyleIdx="3" presStyleCnt="4" custScaleX="44041" custScaleY="29484">
        <dgm:presLayoutVars>
          <dgm:chPref val="3"/>
        </dgm:presLayoutVars>
      </dgm:prSet>
      <dgm:spPr/>
    </dgm:pt>
    <dgm:pt modelId="{CD4AC99E-0456-4B65-966F-55F9A6BDD29C}" type="pres">
      <dgm:prSet presAssocID="{F1AF22BE-84D8-41B3-81FB-6001455D7C08}" presName="level3hierChild" presStyleCnt="0"/>
      <dgm:spPr/>
    </dgm:pt>
  </dgm:ptLst>
  <dgm:cxnLst>
    <dgm:cxn modelId="{A4693904-1F43-4B4F-BC3C-BD158273C97E}" srcId="{CC94AFF1-B09C-41AA-A023-13F09399CF49}" destId="{44FAA55C-AC02-4958-9B12-F118FB37B287}" srcOrd="0" destOrd="0" parTransId="{3A8DBAE6-05C7-43B9-AD0F-524C362A6C27}" sibTransId="{994F1544-468C-4D8A-ACCA-1CF1C750FC91}"/>
    <dgm:cxn modelId="{7AC27F07-2DA9-4541-A7BE-EFBB320F6D58}" type="presOf" srcId="{336B5B52-1537-4D57-AAAD-6F8082A47AAE}" destId="{1AF05C63-310F-46AF-9502-FD36395AA834}" srcOrd="0" destOrd="0" presId="urn:microsoft.com/office/officeart/2005/8/layout/hierarchy2"/>
    <dgm:cxn modelId="{892D4208-0878-459C-93C4-BF8D30FEBC7C}" type="presOf" srcId="{7641B6DF-457C-420A-94BF-0EE30156502A}" destId="{3CA7D3FA-7E86-4ECF-BF6C-3E89C7DD2B76}" srcOrd="0" destOrd="0" presId="urn:microsoft.com/office/officeart/2005/8/layout/hierarchy2"/>
    <dgm:cxn modelId="{B7137113-42D7-4A62-ACDE-C6B731A9F0FD}" type="presOf" srcId="{44FAA55C-AC02-4958-9B12-F118FB37B287}" destId="{BED32414-0DE4-4557-94E4-91131A835D21}" srcOrd="0" destOrd="0" presId="urn:microsoft.com/office/officeart/2005/8/layout/hierarchy2"/>
    <dgm:cxn modelId="{F8CA8817-F264-41C5-BC0F-ED01A0EA439E}" type="presOf" srcId="{3A8DBAE6-05C7-43B9-AD0F-524C362A6C27}" destId="{4B74F24D-BA6C-426F-9B50-245CCFCE60EE}" srcOrd="0" destOrd="0" presId="urn:microsoft.com/office/officeart/2005/8/layout/hierarchy2"/>
    <dgm:cxn modelId="{44FB6E23-4DA8-43B5-8D37-8470CC5829D8}" type="presOf" srcId="{F55489B3-BB5D-45ED-A57B-30958FFA502A}" destId="{23A03D7D-BF59-45CB-B521-F682CA73CBD2}" srcOrd="0" destOrd="0" presId="urn:microsoft.com/office/officeart/2005/8/layout/hierarchy2"/>
    <dgm:cxn modelId="{03210026-06BC-4DC8-85BA-90DF3ABDDF80}" type="presOf" srcId="{3AAD7B0D-6268-431D-85DC-8F43B7818FCA}" destId="{5DA87A94-77E4-4B05-BE2D-1E62BF34F07C}" srcOrd="0" destOrd="0" presId="urn:microsoft.com/office/officeart/2005/8/layout/hierarchy2"/>
    <dgm:cxn modelId="{5F92BA2D-7AC1-4494-9B72-98266A524CC5}" srcId="{44FAA55C-AC02-4958-9B12-F118FB37B287}" destId="{7641B6DF-457C-420A-94BF-0EE30156502A}" srcOrd="1" destOrd="0" parTransId="{888DB451-32A8-4B3C-B40F-C3ABF10CF0C7}" sibTransId="{CE8A9B99-53A2-432A-B303-CD4C97E9905D}"/>
    <dgm:cxn modelId="{C7DE2E36-4110-4ED2-96B1-C54ECEEF7D0C}" srcId="{44FAA55C-AC02-4958-9B12-F118FB37B287}" destId="{336B5B52-1537-4D57-AAAD-6F8082A47AAE}" srcOrd="0" destOrd="0" parTransId="{DF7FBE4F-01C7-4350-B32E-3D32EE0A15B8}" sibTransId="{8E507105-DBA2-4CE0-843C-09478D95C920}"/>
    <dgm:cxn modelId="{CF89293A-8684-4CCC-902E-202A2F0FB879}" type="presOf" srcId="{DF7FBE4F-01C7-4350-B32E-3D32EE0A15B8}" destId="{50863967-3F4D-4ED4-95F6-639C7ABEC80A}" srcOrd="0" destOrd="0" presId="urn:microsoft.com/office/officeart/2005/8/layout/hierarchy2"/>
    <dgm:cxn modelId="{B727183D-898E-438C-A146-A430BA19ED21}" type="presOf" srcId="{2FE3F25D-F499-4E10-9EC7-D885B0E39458}" destId="{E8B759C5-4EF0-4E4D-BCA7-F7B477C8A92C}" srcOrd="0" destOrd="0" presId="urn:microsoft.com/office/officeart/2005/8/layout/hierarchy2"/>
    <dgm:cxn modelId="{CC5DBD45-E578-4EF8-979E-3B8C2EE322FC}" type="presOf" srcId="{888DB451-32A8-4B3C-B40F-C3ABF10CF0C7}" destId="{BFE7E5D1-F26E-4F8B-89B9-FB6444EBB1C9}" srcOrd="0" destOrd="0" presId="urn:microsoft.com/office/officeart/2005/8/layout/hierarchy2"/>
    <dgm:cxn modelId="{EFACBA6B-F27A-441C-87B2-0793A8078659}" type="presOf" srcId="{888DB451-32A8-4B3C-B40F-C3ABF10CF0C7}" destId="{0ABE9185-2CBB-4A0E-BD5B-D92A95794925}" srcOrd="1" destOrd="0" presId="urn:microsoft.com/office/officeart/2005/8/layout/hierarchy2"/>
    <dgm:cxn modelId="{B42EEA4D-6C5D-4C00-B96D-789F7A440220}" type="presOf" srcId="{F2763411-7963-4C01-BD7A-BBC74F66B8C1}" destId="{9359C24F-559E-4884-AD8A-6600DF494E20}" srcOrd="1" destOrd="0" presId="urn:microsoft.com/office/officeart/2005/8/layout/hierarchy2"/>
    <dgm:cxn modelId="{90176A6F-46CA-4B94-8860-284D6BB14FCA}" srcId="{3AAD7B0D-6268-431D-85DC-8F43B7818FCA}" destId="{DE7F9C23-23ED-464C-9B7D-066EEE6F2096}" srcOrd="0" destOrd="0" parTransId="{F2763411-7963-4C01-BD7A-BBC74F66B8C1}" sibTransId="{DD437963-A934-4FAA-8C3D-AB35AA27446D}"/>
    <dgm:cxn modelId="{E8C4785A-6799-4A12-9DF7-3B687E53B741}" type="presOf" srcId="{2FE3F25D-F499-4E10-9EC7-D885B0E39458}" destId="{120D058C-C319-447D-97C8-45150E276FAF}" srcOrd="1" destOrd="0" presId="urn:microsoft.com/office/officeart/2005/8/layout/hierarchy2"/>
    <dgm:cxn modelId="{E809EA82-BBA4-4198-A9B4-DC6E5E972D88}" type="presOf" srcId="{3A8DBAE6-05C7-43B9-AD0F-524C362A6C27}" destId="{1D5247C2-54B9-45D6-AC70-12514149AA3D}" srcOrd="1" destOrd="0" presId="urn:microsoft.com/office/officeart/2005/8/layout/hierarchy2"/>
    <dgm:cxn modelId="{835E6D84-AFD3-40B5-819B-5B4383EC6E5A}" type="presOf" srcId="{2C55B527-B640-42E4-A98E-4CC6E73659E5}" destId="{EEAE4B8D-DBB0-443E-A94A-2625B94AEF42}" srcOrd="0" destOrd="0" presId="urn:microsoft.com/office/officeart/2005/8/layout/hierarchy2"/>
    <dgm:cxn modelId="{472A5486-8794-4C30-95EB-24E41AABCB4E}" type="presOf" srcId="{F2763411-7963-4C01-BD7A-BBC74F66B8C1}" destId="{CE4BECDE-20A8-4082-87F5-EE84310B8D76}" srcOrd="0" destOrd="0" presId="urn:microsoft.com/office/officeart/2005/8/layout/hierarchy2"/>
    <dgm:cxn modelId="{676F1999-4FC9-45CF-AA8F-BF9C729CA087}" type="presOf" srcId="{F8C11580-AEE8-4EC0-AE49-5AFED0E53B98}" destId="{E6441FB7-9E85-4E7B-8236-CFA779DAAAC8}" srcOrd="0" destOrd="0" presId="urn:microsoft.com/office/officeart/2005/8/layout/hierarchy2"/>
    <dgm:cxn modelId="{0F7A6A99-397C-41F2-BE99-CBD5DC760A5C}" type="presOf" srcId="{CC94AFF1-B09C-41AA-A023-13F09399CF49}" destId="{89477C7B-133E-4F66-B9A8-86AB6FB3B79C}" srcOrd="0" destOrd="0" presId="urn:microsoft.com/office/officeart/2005/8/layout/hierarchy2"/>
    <dgm:cxn modelId="{12ABC1C5-FDF3-436C-8448-69D8BC1BDF95}" srcId="{2C55B527-B640-42E4-A98E-4CC6E73659E5}" destId="{CC94AFF1-B09C-41AA-A023-13F09399CF49}" srcOrd="1" destOrd="0" parTransId="{5C1F6F67-1972-4FB9-8F1C-0E1DD2CAA04B}" sibTransId="{77292929-5519-465D-B6D2-E30633EED0E2}"/>
    <dgm:cxn modelId="{742857C9-DE70-4DCD-837D-6DA2EDBB41A2}" srcId="{DE7F9C23-23ED-464C-9B7D-066EEE6F2096}" destId="{F8C11580-AEE8-4EC0-AE49-5AFED0E53B98}" srcOrd="0" destOrd="0" parTransId="{2FE3F25D-F499-4E10-9EC7-D885B0E39458}" sibTransId="{FA93A5D5-975F-4020-B72B-6AB1101BEF84}"/>
    <dgm:cxn modelId="{F7D213D0-96F3-412F-B2D0-328BD3E9EBEE}" type="presOf" srcId="{DF7FBE4F-01C7-4350-B32E-3D32EE0A15B8}" destId="{8138E565-DAF0-49D4-BCE0-4DF89C8ED8FD}" srcOrd="1" destOrd="0" presId="urn:microsoft.com/office/officeart/2005/8/layout/hierarchy2"/>
    <dgm:cxn modelId="{736AC7D6-273D-4090-B2E6-5C0DB1D9171A}" type="presOf" srcId="{F1AF22BE-84D8-41B3-81FB-6001455D7C08}" destId="{176D8430-481D-406C-8B41-B06900B1EFA9}" srcOrd="0" destOrd="0" presId="urn:microsoft.com/office/officeart/2005/8/layout/hierarchy2"/>
    <dgm:cxn modelId="{E25EF6E0-754E-4D1E-98EF-71561162C29A}" srcId="{2C55B527-B640-42E4-A98E-4CC6E73659E5}" destId="{3AAD7B0D-6268-431D-85DC-8F43B7818FCA}" srcOrd="0" destOrd="0" parTransId="{885C5B74-7837-4723-84CB-3CB519F7911A}" sibTransId="{82E541F9-DFFB-4D6D-93DF-C824FC971F26}"/>
    <dgm:cxn modelId="{B9098AE4-0901-4AA6-B20B-589E38E47D0F}" srcId="{44FAA55C-AC02-4958-9B12-F118FB37B287}" destId="{F1AF22BE-84D8-41B3-81FB-6001455D7C08}" srcOrd="2" destOrd="0" parTransId="{F55489B3-BB5D-45ED-A57B-30958FFA502A}" sibTransId="{DCD024B0-6AC4-4F55-A7AA-58B8E9D3D1D9}"/>
    <dgm:cxn modelId="{8D2051EE-8E4D-4ED1-A98F-0F8533EFC2FD}" type="presOf" srcId="{F55489B3-BB5D-45ED-A57B-30958FFA502A}" destId="{23DED0B3-46BC-44BD-B1CA-8BD6B99858F0}" srcOrd="1" destOrd="0" presId="urn:microsoft.com/office/officeart/2005/8/layout/hierarchy2"/>
    <dgm:cxn modelId="{77160CF4-4B8F-425D-BCDE-AB3D62069359}" type="presOf" srcId="{DE7F9C23-23ED-464C-9B7D-066EEE6F2096}" destId="{3F723A8E-9E6C-4C9B-BF1D-A1183EE5A055}" srcOrd="0" destOrd="0" presId="urn:microsoft.com/office/officeart/2005/8/layout/hierarchy2"/>
    <dgm:cxn modelId="{A7E79DCC-8F7C-4EC5-B883-0D2FA7ABF160}" type="presParOf" srcId="{EEAE4B8D-DBB0-443E-A94A-2625B94AEF42}" destId="{08B11C5B-C9FB-4FBF-979D-59243F3D8F79}" srcOrd="0" destOrd="0" presId="urn:microsoft.com/office/officeart/2005/8/layout/hierarchy2"/>
    <dgm:cxn modelId="{71D3A681-6230-49EF-A7F7-C9CCFAC61712}" type="presParOf" srcId="{08B11C5B-C9FB-4FBF-979D-59243F3D8F79}" destId="{5DA87A94-77E4-4B05-BE2D-1E62BF34F07C}" srcOrd="0" destOrd="0" presId="urn:microsoft.com/office/officeart/2005/8/layout/hierarchy2"/>
    <dgm:cxn modelId="{6E1AE443-CCB1-4989-936F-EEC926BCB3C7}" type="presParOf" srcId="{08B11C5B-C9FB-4FBF-979D-59243F3D8F79}" destId="{8E1650AD-44B3-47BC-93F4-AE9964C07F5D}" srcOrd="1" destOrd="0" presId="urn:microsoft.com/office/officeart/2005/8/layout/hierarchy2"/>
    <dgm:cxn modelId="{95C110C1-7E6E-426F-8232-33DCE375CA2D}" type="presParOf" srcId="{8E1650AD-44B3-47BC-93F4-AE9964C07F5D}" destId="{CE4BECDE-20A8-4082-87F5-EE84310B8D76}" srcOrd="0" destOrd="0" presId="urn:microsoft.com/office/officeart/2005/8/layout/hierarchy2"/>
    <dgm:cxn modelId="{7F8ADF5C-9122-4843-987F-02A089CD2E30}" type="presParOf" srcId="{CE4BECDE-20A8-4082-87F5-EE84310B8D76}" destId="{9359C24F-559E-4884-AD8A-6600DF494E20}" srcOrd="0" destOrd="0" presId="urn:microsoft.com/office/officeart/2005/8/layout/hierarchy2"/>
    <dgm:cxn modelId="{E3142BBE-B7EB-4E18-AE60-D74D01CAA632}" type="presParOf" srcId="{8E1650AD-44B3-47BC-93F4-AE9964C07F5D}" destId="{4B15E62F-C923-4937-BE89-0684FE84EBF5}" srcOrd="1" destOrd="0" presId="urn:microsoft.com/office/officeart/2005/8/layout/hierarchy2"/>
    <dgm:cxn modelId="{33D286AB-3A6E-4C9C-96DC-0B42698F5B1C}" type="presParOf" srcId="{4B15E62F-C923-4937-BE89-0684FE84EBF5}" destId="{3F723A8E-9E6C-4C9B-BF1D-A1183EE5A055}" srcOrd="0" destOrd="0" presId="urn:microsoft.com/office/officeart/2005/8/layout/hierarchy2"/>
    <dgm:cxn modelId="{559304EA-F862-4076-9D24-64BDFCDD01C0}" type="presParOf" srcId="{4B15E62F-C923-4937-BE89-0684FE84EBF5}" destId="{6CE1F93E-6648-4031-9742-F68B27060040}" srcOrd="1" destOrd="0" presId="urn:microsoft.com/office/officeart/2005/8/layout/hierarchy2"/>
    <dgm:cxn modelId="{E5A8B49E-67BB-47F0-9CE4-D66FB9DCF7DC}" type="presParOf" srcId="{6CE1F93E-6648-4031-9742-F68B27060040}" destId="{E8B759C5-4EF0-4E4D-BCA7-F7B477C8A92C}" srcOrd="0" destOrd="0" presId="urn:microsoft.com/office/officeart/2005/8/layout/hierarchy2"/>
    <dgm:cxn modelId="{0FFC5E76-9D79-4029-971B-7BA6CB77B39E}" type="presParOf" srcId="{E8B759C5-4EF0-4E4D-BCA7-F7B477C8A92C}" destId="{120D058C-C319-447D-97C8-45150E276FAF}" srcOrd="0" destOrd="0" presId="urn:microsoft.com/office/officeart/2005/8/layout/hierarchy2"/>
    <dgm:cxn modelId="{8733E199-AF77-4B82-8F44-6AC159546E36}" type="presParOf" srcId="{6CE1F93E-6648-4031-9742-F68B27060040}" destId="{5204CA60-DDA6-4212-A0A1-511A8F9C5B48}" srcOrd="1" destOrd="0" presId="urn:microsoft.com/office/officeart/2005/8/layout/hierarchy2"/>
    <dgm:cxn modelId="{B966D5D5-1167-411B-AE5B-D4986B79A394}" type="presParOf" srcId="{5204CA60-DDA6-4212-A0A1-511A8F9C5B48}" destId="{E6441FB7-9E85-4E7B-8236-CFA779DAAAC8}" srcOrd="0" destOrd="0" presId="urn:microsoft.com/office/officeart/2005/8/layout/hierarchy2"/>
    <dgm:cxn modelId="{2A100165-0FC8-4122-9A56-EB6A2FC0D5B4}" type="presParOf" srcId="{5204CA60-DDA6-4212-A0A1-511A8F9C5B48}" destId="{725BD80B-337A-45EE-A3AD-063076CA8DBF}" srcOrd="1" destOrd="0" presId="urn:microsoft.com/office/officeart/2005/8/layout/hierarchy2"/>
    <dgm:cxn modelId="{A5C99B0F-2875-42F2-87BF-4EBEDF0C512C}" type="presParOf" srcId="{EEAE4B8D-DBB0-443E-A94A-2625B94AEF42}" destId="{D3FD406F-BFBC-4589-B93A-7072ADEDCD69}" srcOrd="1" destOrd="0" presId="urn:microsoft.com/office/officeart/2005/8/layout/hierarchy2"/>
    <dgm:cxn modelId="{EBE5BCAE-E0B0-446F-BD38-483DF2DF47B3}" type="presParOf" srcId="{D3FD406F-BFBC-4589-B93A-7072ADEDCD69}" destId="{89477C7B-133E-4F66-B9A8-86AB6FB3B79C}" srcOrd="0" destOrd="0" presId="urn:microsoft.com/office/officeart/2005/8/layout/hierarchy2"/>
    <dgm:cxn modelId="{11BC1341-CFE3-4208-8D00-3DCB728A7F3C}" type="presParOf" srcId="{D3FD406F-BFBC-4589-B93A-7072ADEDCD69}" destId="{008C18CB-3A51-4EBF-B18A-C8FB5639594E}" srcOrd="1" destOrd="0" presId="urn:microsoft.com/office/officeart/2005/8/layout/hierarchy2"/>
    <dgm:cxn modelId="{D6B61BFE-7416-44E5-8398-2E3B840A0422}" type="presParOf" srcId="{008C18CB-3A51-4EBF-B18A-C8FB5639594E}" destId="{4B74F24D-BA6C-426F-9B50-245CCFCE60EE}" srcOrd="0" destOrd="0" presId="urn:microsoft.com/office/officeart/2005/8/layout/hierarchy2"/>
    <dgm:cxn modelId="{2E899C41-0C98-472A-8A7C-722E9F858CE9}" type="presParOf" srcId="{4B74F24D-BA6C-426F-9B50-245CCFCE60EE}" destId="{1D5247C2-54B9-45D6-AC70-12514149AA3D}" srcOrd="0" destOrd="0" presId="urn:microsoft.com/office/officeart/2005/8/layout/hierarchy2"/>
    <dgm:cxn modelId="{9B744C1E-C018-4E5F-93BD-0572A5A195BA}" type="presParOf" srcId="{008C18CB-3A51-4EBF-B18A-C8FB5639594E}" destId="{BC0562ED-D205-4D2F-B302-09F629CE40F5}" srcOrd="1" destOrd="0" presId="urn:microsoft.com/office/officeart/2005/8/layout/hierarchy2"/>
    <dgm:cxn modelId="{AAA920F4-BF9F-4DE2-A836-74CCDA129110}" type="presParOf" srcId="{BC0562ED-D205-4D2F-B302-09F629CE40F5}" destId="{BED32414-0DE4-4557-94E4-91131A835D21}" srcOrd="0" destOrd="0" presId="urn:microsoft.com/office/officeart/2005/8/layout/hierarchy2"/>
    <dgm:cxn modelId="{237042CB-3223-448E-845D-0B97CC3139D9}" type="presParOf" srcId="{BC0562ED-D205-4D2F-B302-09F629CE40F5}" destId="{BCF489F2-7C23-45D0-8132-77E898EFE151}" srcOrd="1" destOrd="0" presId="urn:microsoft.com/office/officeart/2005/8/layout/hierarchy2"/>
    <dgm:cxn modelId="{1D51F5A1-DEC1-4C1C-94ED-B0BA36726F50}" type="presParOf" srcId="{BCF489F2-7C23-45D0-8132-77E898EFE151}" destId="{50863967-3F4D-4ED4-95F6-639C7ABEC80A}" srcOrd="0" destOrd="0" presId="urn:microsoft.com/office/officeart/2005/8/layout/hierarchy2"/>
    <dgm:cxn modelId="{5B82BD5A-FB5B-48F0-AF32-3F74A560DC25}" type="presParOf" srcId="{50863967-3F4D-4ED4-95F6-639C7ABEC80A}" destId="{8138E565-DAF0-49D4-BCE0-4DF89C8ED8FD}" srcOrd="0" destOrd="0" presId="urn:microsoft.com/office/officeart/2005/8/layout/hierarchy2"/>
    <dgm:cxn modelId="{EF06CE65-171F-451A-938C-7895A60F18BF}" type="presParOf" srcId="{BCF489F2-7C23-45D0-8132-77E898EFE151}" destId="{784A56B7-30FF-4C90-B8E1-AD8837A7A264}" srcOrd="1" destOrd="0" presId="urn:microsoft.com/office/officeart/2005/8/layout/hierarchy2"/>
    <dgm:cxn modelId="{8BA72A6C-71E2-45D0-934B-D3E8C3B89EF2}" type="presParOf" srcId="{784A56B7-30FF-4C90-B8E1-AD8837A7A264}" destId="{1AF05C63-310F-46AF-9502-FD36395AA834}" srcOrd="0" destOrd="0" presId="urn:microsoft.com/office/officeart/2005/8/layout/hierarchy2"/>
    <dgm:cxn modelId="{A9F385BA-5300-4E00-B552-FFBF1A8769CD}" type="presParOf" srcId="{784A56B7-30FF-4C90-B8E1-AD8837A7A264}" destId="{5576BEF1-F071-4F91-A88B-37D6B6A0A323}" srcOrd="1" destOrd="0" presId="urn:microsoft.com/office/officeart/2005/8/layout/hierarchy2"/>
    <dgm:cxn modelId="{9C91F55E-19B4-49F0-A06E-B48A5F02BE67}" type="presParOf" srcId="{BCF489F2-7C23-45D0-8132-77E898EFE151}" destId="{BFE7E5D1-F26E-4F8B-89B9-FB6444EBB1C9}" srcOrd="2" destOrd="0" presId="urn:microsoft.com/office/officeart/2005/8/layout/hierarchy2"/>
    <dgm:cxn modelId="{27ADD788-60D5-495C-9A29-84F6F844032C}" type="presParOf" srcId="{BFE7E5D1-F26E-4F8B-89B9-FB6444EBB1C9}" destId="{0ABE9185-2CBB-4A0E-BD5B-D92A95794925}" srcOrd="0" destOrd="0" presId="urn:microsoft.com/office/officeart/2005/8/layout/hierarchy2"/>
    <dgm:cxn modelId="{268EEB7D-B78B-4D7C-B86A-B3931985970B}" type="presParOf" srcId="{BCF489F2-7C23-45D0-8132-77E898EFE151}" destId="{4FFED894-22F8-4972-8BC5-0FD95F406DAB}" srcOrd="3" destOrd="0" presId="urn:microsoft.com/office/officeart/2005/8/layout/hierarchy2"/>
    <dgm:cxn modelId="{072B98D1-705C-4033-BAE7-83CBE661E874}" type="presParOf" srcId="{4FFED894-22F8-4972-8BC5-0FD95F406DAB}" destId="{3CA7D3FA-7E86-4ECF-BF6C-3E89C7DD2B76}" srcOrd="0" destOrd="0" presId="urn:microsoft.com/office/officeart/2005/8/layout/hierarchy2"/>
    <dgm:cxn modelId="{EDBC5758-A7B2-41E4-90AC-C88B7D96F00D}" type="presParOf" srcId="{4FFED894-22F8-4972-8BC5-0FD95F406DAB}" destId="{1B26A718-57A0-48C4-AB5A-FC0EC787DCD4}" srcOrd="1" destOrd="0" presId="urn:microsoft.com/office/officeart/2005/8/layout/hierarchy2"/>
    <dgm:cxn modelId="{D5FC8084-9EE1-4680-93D5-3A53AD41875F}" type="presParOf" srcId="{BCF489F2-7C23-45D0-8132-77E898EFE151}" destId="{23A03D7D-BF59-45CB-B521-F682CA73CBD2}" srcOrd="4" destOrd="0" presId="urn:microsoft.com/office/officeart/2005/8/layout/hierarchy2"/>
    <dgm:cxn modelId="{EEBDBFE8-06E6-4335-A907-BAF6DDDE9151}" type="presParOf" srcId="{23A03D7D-BF59-45CB-B521-F682CA73CBD2}" destId="{23DED0B3-46BC-44BD-B1CA-8BD6B99858F0}" srcOrd="0" destOrd="0" presId="urn:microsoft.com/office/officeart/2005/8/layout/hierarchy2"/>
    <dgm:cxn modelId="{61D88A15-EEA8-4376-8902-6D790BB7CF0A}" type="presParOf" srcId="{BCF489F2-7C23-45D0-8132-77E898EFE151}" destId="{A400ACA3-ABFE-43B0-B6F1-4CF4602315DF}" srcOrd="5" destOrd="0" presId="urn:microsoft.com/office/officeart/2005/8/layout/hierarchy2"/>
    <dgm:cxn modelId="{6D86EDCF-D825-4BFA-8C92-15FB7F5EFBB4}" type="presParOf" srcId="{A400ACA3-ABFE-43B0-B6F1-4CF4602315DF}" destId="{176D8430-481D-406C-8B41-B06900B1EFA9}" srcOrd="0" destOrd="0" presId="urn:microsoft.com/office/officeart/2005/8/layout/hierarchy2"/>
    <dgm:cxn modelId="{06D5B553-1223-4385-86FA-34C11B171217}" type="presParOf" srcId="{A400ACA3-ABFE-43B0-B6F1-4CF4602315DF}" destId="{CD4AC99E-0456-4B65-966F-55F9A6BDD29C}" srcOrd="1" destOrd="0" presId="urn:microsoft.com/office/officeart/2005/8/layout/hierarchy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DA87A94-77E4-4B05-BE2D-1E62BF34F07C}">
      <dsp:nvSpPr>
        <dsp:cNvPr id="0" name=""/>
        <dsp:cNvSpPr/>
      </dsp:nvSpPr>
      <dsp:spPr>
        <a:xfrm>
          <a:off x="2268" y="418573"/>
          <a:ext cx="2311509" cy="1100612"/>
        </a:xfrm>
        <a:prstGeom prst="roundRect">
          <a:avLst>
            <a:gd name="adj" fmla="val 10000"/>
          </a:avLst>
        </a:prstGeom>
        <a:solidFill>
          <a:schemeClr val="tx2">
            <a:alpha val="11000"/>
          </a:schemeClr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7780" tIns="17780" rIns="17780" bIns="17780" numCol="1" spcCol="1270" anchor="ctr" anchorCtr="0">
          <a:noAutofit/>
        </a:bodyPr>
        <a:lstStyle/>
        <a:p>
          <a:pPr marL="0" lvl="0" indent="0" algn="ctr" defTabSz="1244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2800" b="1" kern="1200" err="1"/>
            <a:t>Electrolytes</a:t>
          </a:r>
          <a:endParaRPr lang="en-GB" sz="2100" b="1" kern="1200"/>
        </a:p>
      </dsp:txBody>
      <dsp:txXfrm>
        <a:off x="34504" y="450809"/>
        <a:ext cx="2247037" cy="1036140"/>
      </dsp:txXfrm>
    </dsp:sp>
    <dsp:sp modelId="{CE4BECDE-20A8-4082-87F5-EE84310B8D76}">
      <dsp:nvSpPr>
        <dsp:cNvPr id="0" name=""/>
        <dsp:cNvSpPr/>
      </dsp:nvSpPr>
      <dsp:spPr>
        <a:xfrm>
          <a:off x="2313778" y="928493"/>
          <a:ext cx="1734033" cy="80771"/>
        </a:xfrm>
        <a:custGeom>
          <a:avLst/>
          <a:gdLst/>
          <a:ahLst/>
          <a:cxnLst/>
          <a:rect l="0" t="0" r="0" b="0"/>
          <a:pathLst>
            <a:path>
              <a:moveTo>
                <a:pt x="0" y="40385"/>
              </a:moveTo>
              <a:lnTo>
                <a:pt x="1734033" y="40385"/>
              </a:lnTo>
            </a:path>
          </a:pathLst>
        </a:custGeom>
        <a:noFill/>
        <a:ln w="25400" cap="flat" cmpd="sng" algn="ctr">
          <a:solidFill>
            <a:schemeClr val="dk2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z="-110000"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66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600" kern="1200"/>
        </a:p>
      </dsp:txBody>
      <dsp:txXfrm>
        <a:off x="3137444" y="925528"/>
        <a:ext cx="86701" cy="86701"/>
      </dsp:txXfrm>
    </dsp:sp>
    <dsp:sp modelId="{3F723A8E-9E6C-4C9B-BF1D-A1183EE5A055}">
      <dsp:nvSpPr>
        <dsp:cNvPr id="0" name=""/>
        <dsp:cNvSpPr/>
      </dsp:nvSpPr>
      <dsp:spPr>
        <a:xfrm>
          <a:off x="4047812" y="418573"/>
          <a:ext cx="2311509" cy="1100612"/>
        </a:xfrm>
        <a:prstGeom prst="roundRect">
          <a:avLst>
            <a:gd name="adj" fmla="val 10000"/>
          </a:avLst>
        </a:prstGeom>
        <a:solidFill>
          <a:schemeClr val="accent1">
            <a:lumMod val="20000"/>
            <a:lumOff val="80000"/>
            <a:alpha val="32000"/>
          </a:schemeClr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3335" tIns="13335" rIns="13335" bIns="13335" numCol="1" spcCol="1270" anchor="ctr" anchorCtr="0">
          <a:noAutofit/>
        </a:bodyPr>
        <a:lstStyle/>
        <a:p>
          <a:pPr marL="0" lvl="0" indent="0" algn="ctr" defTabSz="9334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2100" kern="1200"/>
            <a:t>Cyclic Voltammetry</a:t>
          </a:r>
          <a:endParaRPr lang="en-GB" sz="2100" kern="1200"/>
        </a:p>
      </dsp:txBody>
      <dsp:txXfrm>
        <a:off x="4080048" y="450809"/>
        <a:ext cx="2247037" cy="1036140"/>
      </dsp:txXfrm>
    </dsp:sp>
    <dsp:sp modelId="{E8B759C5-4EF0-4E4D-BCA7-F7B477C8A92C}">
      <dsp:nvSpPr>
        <dsp:cNvPr id="0" name=""/>
        <dsp:cNvSpPr/>
      </dsp:nvSpPr>
      <dsp:spPr>
        <a:xfrm rot="21583950">
          <a:off x="6359312" y="924440"/>
          <a:ext cx="1736321" cy="80771"/>
        </a:xfrm>
        <a:custGeom>
          <a:avLst/>
          <a:gdLst/>
          <a:ahLst/>
          <a:cxnLst/>
          <a:rect l="0" t="0" r="0" b="0"/>
          <a:pathLst>
            <a:path>
              <a:moveTo>
                <a:pt x="0" y="40385"/>
              </a:moveTo>
              <a:lnTo>
                <a:pt x="1736321" y="40385"/>
              </a:lnTo>
            </a:path>
          </a:pathLst>
        </a:custGeom>
        <a:noFill/>
        <a:ln w="25400" cap="flat" cmpd="sng" algn="ctr">
          <a:solidFill>
            <a:schemeClr val="dk2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z="-110000"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66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600" kern="1200"/>
        </a:p>
      </dsp:txBody>
      <dsp:txXfrm>
        <a:off x="7184065" y="921418"/>
        <a:ext cx="86816" cy="86816"/>
      </dsp:txXfrm>
    </dsp:sp>
    <dsp:sp modelId="{E6441FB7-9E85-4E7B-8236-CFA779DAAAC8}">
      <dsp:nvSpPr>
        <dsp:cNvPr id="0" name=""/>
        <dsp:cNvSpPr/>
      </dsp:nvSpPr>
      <dsp:spPr>
        <a:xfrm>
          <a:off x="8095624" y="663158"/>
          <a:ext cx="1967911" cy="595228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3335" tIns="13335" rIns="13335" bIns="13335" numCol="1" spcCol="1270" anchor="ctr" anchorCtr="0">
          <a:noAutofit/>
        </a:bodyPr>
        <a:lstStyle/>
        <a:p>
          <a:pPr marL="0" lvl="0" indent="0" algn="ctr" defTabSz="9334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2100" kern="1200"/>
            <a:t>Cell </a:t>
          </a:r>
          <a:r>
            <a:rPr lang="it-IT" sz="2100" kern="1200" err="1"/>
            <a:t>potential</a:t>
          </a:r>
          <a:endParaRPr lang="en-GB" sz="2100" kern="1200"/>
        </a:p>
      </dsp:txBody>
      <dsp:txXfrm>
        <a:off x="8113058" y="680592"/>
        <a:ext cx="1933043" cy="560360"/>
      </dsp:txXfrm>
    </dsp:sp>
    <dsp:sp modelId="{89477C7B-133E-4F66-B9A8-86AB6FB3B79C}">
      <dsp:nvSpPr>
        <dsp:cNvPr id="0" name=""/>
        <dsp:cNvSpPr/>
      </dsp:nvSpPr>
      <dsp:spPr>
        <a:xfrm>
          <a:off x="2268" y="2577759"/>
          <a:ext cx="2311509" cy="1100612"/>
        </a:xfrm>
        <a:prstGeom prst="roundRect">
          <a:avLst>
            <a:gd name="adj" fmla="val 10000"/>
          </a:avLst>
        </a:prstGeom>
        <a:solidFill>
          <a:schemeClr val="accent1">
            <a:alpha val="12000"/>
          </a:schemeClr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7780" tIns="17780" rIns="17780" bIns="17780" numCol="1" spcCol="1270" anchor="ctr" anchorCtr="0">
          <a:noAutofit/>
        </a:bodyPr>
        <a:lstStyle/>
        <a:p>
          <a:pPr marL="0" lvl="0" indent="0" algn="ctr" defTabSz="1244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2800" b="1" kern="1200" err="1"/>
            <a:t>Battery</a:t>
          </a:r>
          <a:endParaRPr lang="en-GB" sz="2100" b="1" kern="1200"/>
        </a:p>
      </dsp:txBody>
      <dsp:txXfrm>
        <a:off x="34504" y="2609995"/>
        <a:ext cx="2247037" cy="1036140"/>
      </dsp:txXfrm>
    </dsp:sp>
    <dsp:sp modelId="{4B74F24D-BA6C-426F-9B50-245CCFCE60EE}">
      <dsp:nvSpPr>
        <dsp:cNvPr id="0" name=""/>
        <dsp:cNvSpPr/>
      </dsp:nvSpPr>
      <dsp:spPr>
        <a:xfrm>
          <a:off x="2313778" y="3087679"/>
          <a:ext cx="1734033" cy="80771"/>
        </a:xfrm>
        <a:custGeom>
          <a:avLst/>
          <a:gdLst/>
          <a:ahLst/>
          <a:cxnLst/>
          <a:rect l="0" t="0" r="0" b="0"/>
          <a:pathLst>
            <a:path>
              <a:moveTo>
                <a:pt x="0" y="40385"/>
              </a:moveTo>
              <a:lnTo>
                <a:pt x="1734033" y="40385"/>
              </a:lnTo>
            </a:path>
          </a:pathLst>
        </a:custGeom>
        <a:noFill/>
        <a:ln w="25400" cap="flat" cmpd="sng" algn="ctr">
          <a:solidFill>
            <a:schemeClr val="dk2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z="-110000"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66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600" kern="1200"/>
        </a:p>
      </dsp:txBody>
      <dsp:txXfrm>
        <a:off x="3137444" y="3084714"/>
        <a:ext cx="86701" cy="86701"/>
      </dsp:txXfrm>
    </dsp:sp>
    <dsp:sp modelId="{BED32414-0DE4-4557-94E4-91131A835D21}">
      <dsp:nvSpPr>
        <dsp:cNvPr id="0" name=""/>
        <dsp:cNvSpPr/>
      </dsp:nvSpPr>
      <dsp:spPr>
        <a:xfrm>
          <a:off x="4047812" y="2577759"/>
          <a:ext cx="2311509" cy="1100612"/>
        </a:xfrm>
        <a:prstGeom prst="roundRect">
          <a:avLst>
            <a:gd name="adj" fmla="val 10000"/>
          </a:avLst>
        </a:prstGeom>
        <a:solidFill>
          <a:schemeClr val="accent1">
            <a:lumMod val="20000"/>
            <a:lumOff val="80000"/>
            <a:alpha val="32000"/>
          </a:schemeClr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3335" tIns="13335" rIns="13335" bIns="13335" numCol="1" spcCol="1270" anchor="ctr" anchorCtr="0">
          <a:noAutofit/>
        </a:bodyPr>
        <a:lstStyle/>
        <a:p>
          <a:pPr marL="0" lvl="0" indent="0" algn="ctr" defTabSz="933450" rtl="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2100" kern="1200"/>
            <a:t> Charge - Discharge</a:t>
          </a:r>
        </a:p>
      </dsp:txBody>
      <dsp:txXfrm>
        <a:off x="4080048" y="2609995"/>
        <a:ext cx="2247037" cy="1036140"/>
      </dsp:txXfrm>
    </dsp:sp>
    <dsp:sp modelId="{50863967-3F4D-4ED4-95F6-639C7ABEC80A}">
      <dsp:nvSpPr>
        <dsp:cNvPr id="0" name=""/>
        <dsp:cNvSpPr/>
      </dsp:nvSpPr>
      <dsp:spPr>
        <a:xfrm rot="19855425">
          <a:off x="6234299" y="2605575"/>
          <a:ext cx="1984079" cy="80771"/>
        </a:xfrm>
        <a:custGeom>
          <a:avLst/>
          <a:gdLst/>
          <a:ahLst/>
          <a:cxnLst/>
          <a:rect l="0" t="0" r="0" b="0"/>
          <a:pathLst>
            <a:path>
              <a:moveTo>
                <a:pt x="0" y="40385"/>
              </a:moveTo>
              <a:lnTo>
                <a:pt x="1984079" y="40385"/>
              </a:lnTo>
            </a:path>
          </a:pathLst>
        </a:custGeom>
        <a:noFill/>
        <a:ln w="25400" cap="flat" cmpd="sng" algn="ctr">
          <a:solidFill>
            <a:schemeClr val="dk2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z="-110000"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3111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700" kern="1200"/>
        </a:p>
      </dsp:txBody>
      <dsp:txXfrm>
        <a:off x="7176737" y="2596358"/>
        <a:ext cx="99203" cy="99203"/>
      </dsp:txXfrm>
    </dsp:sp>
    <dsp:sp modelId="{1AF05C63-310F-46AF-9502-FD36395AA834}">
      <dsp:nvSpPr>
        <dsp:cNvPr id="0" name=""/>
        <dsp:cNvSpPr/>
      </dsp:nvSpPr>
      <dsp:spPr>
        <a:xfrm>
          <a:off x="8093355" y="1844317"/>
          <a:ext cx="1909214" cy="639078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3335" tIns="13335" rIns="13335" bIns="13335" numCol="1" spcCol="1270" anchor="ctr" anchorCtr="0">
          <a:noAutofit/>
        </a:bodyPr>
        <a:lstStyle/>
        <a:p>
          <a:pPr marL="0" lvl="0" indent="0" algn="ctr" defTabSz="933450" rtl="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2100" kern="1200">
              <a:cs typeface="Arial"/>
            </a:rPr>
            <a:t>SOC</a:t>
          </a:r>
          <a:endParaRPr lang="sv-SE" sz="2100" kern="1200"/>
        </a:p>
      </dsp:txBody>
      <dsp:txXfrm>
        <a:off x="8112073" y="1863035"/>
        <a:ext cx="1871778" cy="601642"/>
      </dsp:txXfrm>
    </dsp:sp>
    <dsp:sp modelId="{BFE7E5D1-F26E-4F8B-89B9-FB6444EBB1C9}">
      <dsp:nvSpPr>
        <dsp:cNvPr id="0" name=""/>
        <dsp:cNvSpPr/>
      </dsp:nvSpPr>
      <dsp:spPr>
        <a:xfrm>
          <a:off x="6359322" y="3087679"/>
          <a:ext cx="1734033" cy="80771"/>
        </a:xfrm>
        <a:custGeom>
          <a:avLst/>
          <a:gdLst/>
          <a:ahLst/>
          <a:cxnLst/>
          <a:rect l="0" t="0" r="0" b="0"/>
          <a:pathLst>
            <a:path>
              <a:moveTo>
                <a:pt x="0" y="40385"/>
              </a:moveTo>
              <a:lnTo>
                <a:pt x="1734033" y="40385"/>
              </a:lnTo>
            </a:path>
          </a:pathLst>
        </a:custGeom>
        <a:noFill/>
        <a:ln w="25400" cap="flat" cmpd="sng" algn="ctr">
          <a:solidFill>
            <a:schemeClr val="dk2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z="-110000"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66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600" kern="1200"/>
        </a:p>
      </dsp:txBody>
      <dsp:txXfrm>
        <a:off x="7182988" y="3084714"/>
        <a:ext cx="86701" cy="86701"/>
      </dsp:txXfrm>
    </dsp:sp>
    <dsp:sp modelId="{3CA7D3FA-7E86-4ECF-BF6C-3E89C7DD2B76}">
      <dsp:nvSpPr>
        <dsp:cNvPr id="0" name=""/>
        <dsp:cNvSpPr/>
      </dsp:nvSpPr>
      <dsp:spPr>
        <a:xfrm>
          <a:off x="8093355" y="2808526"/>
          <a:ext cx="1909214" cy="639078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3335" tIns="13335" rIns="13335" bIns="13335" numCol="1" spcCol="1270" anchor="ctr" anchorCtr="0">
          <a:noAutofit/>
        </a:bodyPr>
        <a:lstStyle/>
        <a:p>
          <a:pPr marL="0" lvl="0" indent="0" algn="ctr" defTabSz="933450" rtl="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2100" kern="1200">
              <a:cs typeface="Arial"/>
            </a:rPr>
            <a:t>Volumetric capacity</a:t>
          </a:r>
        </a:p>
      </dsp:txBody>
      <dsp:txXfrm>
        <a:off x="8112073" y="2827244"/>
        <a:ext cx="1871778" cy="601642"/>
      </dsp:txXfrm>
    </dsp:sp>
    <dsp:sp modelId="{23A03D7D-BF59-45CB-B521-F682CA73CBD2}">
      <dsp:nvSpPr>
        <dsp:cNvPr id="0" name=""/>
        <dsp:cNvSpPr/>
      </dsp:nvSpPr>
      <dsp:spPr>
        <a:xfrm rot="1744575">
          <a:off x="6234299" y="3569784"/>
          <a:ext cx="1984079" cy="80771"/>
        </a:xfrm>
        <a:custGeom>
          <a:avLst/>
          <a:gdLst/>
          <a:ahLst/>
          <a:cxnLst/>
          <a:rect l="0" t="0" r="0" b="0"/>
          <a:pathLst>
            <a:path>
              <a:moveTo>
                <a:pt x="0" y="40385"/>
              </a:moveTo>
              <a:lnTo>
                <a:pt x="1984079" y="40385"/>
              </a:lnTo>
            </a:path>
          </a:pathLst>
        </a:custGeom>
        <a:noFill/>
        <a:ln w="25400" cap="flat" cmpd="sng" algn="ctr">
          <a:solidFill>
            <a:schemeClr val="dk2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z="-110000"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3111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700" kern="1200"/>
        </a:p>
      </dsp:txBody>
      <dsp:txXfrm>
        <a:off x="7176737" y="3560568"/>
        <a:ext cx="99203" cy="99203"/>
      </dsp:txXfrm>
    </dsp:sp>
    <dsp:sp modelId="{176D8430-481D-406C-8B41-B06900B1EFA9}">
      <dsp:nvSpPr>
        <dsp:cNvPr id="0" name=""/>
        <dsp:cNvSpPr/>
      </dsp:nvSpPr>
      <dsp:spPr>
        <a:xfrm>
          <a:off x="8093355" y="3772735"/>
          <a:ext cx="1909214" cy="639078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3335" tIns="13335" rIns="13335" bIns="13335" numCol="1" spcCol="1270" anchor="ctr" anchorCtr="0">
          <a:noAutofit/>
        </a:bodyPr>
        <a:lstStyle/>
        <a:p>
          <a:pPr marL="0" lvl="0" indent="0" algn="ctr" defTabSz="933450" rtl="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2100" kern="1200">
              <a:cs typeface="Arial"/>
            </a:rPr>
            <a:t>Volumetric energy density </a:t>
          </a:r>
        </a:p>
      </dsp:txBody>
      <dsp:txXfrm>
        <a:off x="8112073" y="3791453"/>
        <a:ext cx="1871778" cy="601642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hierarchy2">
  <dgm:title val=""/>
  <dgm:desc val=""/>
  <dgm:catLst>
    <dgm:cat type="hierarchy" pri="5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" destId="22" srcOrd="1" destOrd="0"/>
        <dgm:cxn modelId="33" srcId="3" destId="31" srcOrd="0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</dgm:ptLst>
      <dgm:cxnLst>
        <dgm:cxn modelId="2" srcId="0" destId="1" srcOrd="0" destOrd="0"/>
        <dgm:cxn modelId="13" srcId="1" destId="11" srcOrd="0" destOrd="0"/>
        <dgm:cxn modelId="14" srcId="1" destId="1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21"/>
        <dgm:pt modelId="211"/>
        <dgm:pt modelId="3"/>
        <dgm:pt modelId="31"/>
        <dgm:pt modelId="311"/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1" destId="211" srcOrd="0" destOrd="0"/>
        <dgm:cxn modelId="33" srcId="3" destId="31" srcOrd="0" destOrd="0"/>
        <dgm:cxn modelId="34" srcId="31" destId="311" srcOrd="0" destOrd="0"/>
      </dgm:cxnLst>
      <dgm:bg/>
      <dgm:whole/>
    </dgm:dataModel>
  </dgm:clrData>
  <dgm:layoutNode name="diagram">
    <dgm:varLst>
      <dgm:chPref val="1"/>
      <dgm:dir/>
      <dgm:animOne val="branch"/>
      <dgm:animLvl val="lvl"/>
      <dgm:resizeHandles val="exact"/>
    </dgm:varLst>
    <dgm:choose name="Name0">
      <dgm:if name="Name1" func="var" arg="dir" op="equ" val="norm">
        <dgm:alg type="hierChild">
          <dgm:param type="linDir" val="fromT"/>
          <dgm:param type="chAlign" val="l"/>
        </dgm:alg>
      </dgm:if>
      <dgm:else name="Name2">
        <dgm:alg type="hierChild">
          <dgm:param type="linDir" val="fromT"/>
          <dgm:param type="chAlign" val="r"/>
        </dgm:alg>
      </dgm:else>
    </dgm:choose>
    <dgm:shape xmlns:r="http://schemas.openxmlformats.org/officeDocument/2006/relationships" r:blip="">
      <dgm:adjLst/>
    </dgm:shape>
    <dgm:presOf/>
    <dgm:constrLst>
      <dgm:constr type="h" for="des" ptType="node" refType="h"/>
      <dgm:constr type="w" for="des" ptType="node" refType="h" refFor="des" refPtType="node" fact="2"/>
      <dgm:constr type="sibSp" refType="h" refFor="des" refPtType="node" op="equ" fact="0.15"/>
      <dgm:constr type="sibSp" for="des" forName="level2hierChild" refType="h" refFor="des" refPtType="node" op="equ" fact="0.15"/>
      <dgm:constr type="sibSp" for="des" forName="level3hierChild" refType="h" refFor="des" refPtType="node" op="equ" fact="0.15"/>
      <dgm:constr type="sp" for="des" forName="root1" refType="w" refFor="des" refPtType="node" fact="0.4"/>
      <dgm:constr type="sp" for="des" forName="root2" refType="sp" refFor="des" refForName="root1" op="equ"/>
      <dgm:constr type="primFontSz" for="des" ptType="node" op="equ" val="65"/>
      <dgm:constr type="primFontSz" for="des" forName="connTx" op="equ" val="55"/>
      <dgm:constr type="primFontSz" for="des" forName="connTx" refType="primFontSz" refFor="des" refPtType="node" op="lte" fact="0.8"/>
    </dgm:constrLst>
    <dgm:ruleLst/>
    <dgm:forEach name="Name3" axis="ch">
      <dgm:forEach name="Name4" axis="self" ptType="node">
        <dgm:layoutNode name="root1">
          <dgm:choose name="Name5">
            <dgm:if name="Name6" func="var" arg="dir" op="equ" val="norm">
              <dgm:alg type="hierRoot">
                <dgm:param type="hierAlign" val="lCtrCh"/>
              </dgm:alg>
            </dgm:if>
            <dgm:else name="Name7">
              <dgm:alg type="hierRoot">
                <dgm:param type="hierAlign" val="rCtrCh"/>
              </dgm:alg>
            </dgm:else>
          </dgm:choose>
          <dgm:shape xmlns:r="http://schemas.openxmlformats.org/officeDocument/2006/relationships" r:blip="">
            <dgm:adjLst/>
          </dgm:shape>
          <dgm:presOf/>
          <dgm:constrLst/>
          <dgm:ruleLst/>
          <dgm:layoutNode name="LevelOneTextNode" styleLbl="node0">
            <dgm:varLst>
              <dgm:chPref val="3"/>
            </dgm:varLst>
            <dgm:alg type="tx"/>
            <dgm:shape xmlns:r="http://schemas.openxmlformats.org/officeDocument/2006/relationships" type="roundRect" r:blip="">
              <dgm:adjLst>
                <dgm:adj idx="1" val="0.1"/>
              </dgm:adjLst>
            </dgm:shape>
            <dgm:presOf axis="self"/>
            <dgm:constrLst>
              <dgm:constr type="tMarg" refType="primFontSz" fact="0.05"/>
              <dgm:constr type="bMarg" refType="primFontSz" fact="0.05"/>
              <dgm:constr type="lMarg" refType="primFontSz" fact="0.05"/>
              <dgm:constr type="rMarg" refType="primFontSz" fact="0.05"/>
            </dgm:constrLst>
            <dgm:ruleLst>
              <dgm:rule type="primFontSz" val="5" fact="NaN" max="NaN"/>
            </dgm:ruleLst>
          </dgm:layoutNode>
          <dgm:layoutNode name="level2hierChild">
            <dgm:choose name="Name8">
              <dgm:if name="Name9" func="var" arg="dir" op="equ" val="norm">
                <dgm:alg type="hierChild">
                  <dgm:param type="linDir" val="fromT"/>
                  <dgm:param type="chAlign" val="l"/>
                </dgm:alg>
              </dgm:if>
              <dgm:else name="Name10">
                <dgm:alg type="hierChild">
                  <dgm:param type="linDir" val="fromT"/>
                  <dgm:param type="chAlign" val="r"/>
                </dgm:alg>
              </dgm:else>
            </dgm:choose>
            <dgm:shape xmlns:r="http://schemas.openxmlformats.org/officeDocument/2006/relationships" r:blip="">
              <dgm:adjLst/>
            </dgm:shape>
            <dgm:presOf/>
            <dgm:constrLst/>
            <dgm:ruleLst/>
            <dgm:forEach name="repeat" axis="ch">
              <dgm:forEach name="Name11" axis="self" ptType="parTrans" cnt="1">
                <dgm:layoutNode name="conn2-1">
                  <dgm:choose name="Name12">
                    <dgm:if name="Name13" func="var" arg="dir" op="equ" val="norm">
                      <dgm:alg type="conn">
                        <dgm:param type="dim" val="1D"/>
                        <dgm:param type="begPts" val="midR"/>
                        <dgm:param type="endPts" val="midL"/>
                        <dgm:param type="endSty" val="noArr"/>
                      </dgm:alg>
                    </dgm:if>
                    <dgm:else name="Name14">
                      <dgm:alg type="conn">
                        <dgm:param type="dim" val="1D"/>
                        <dgm:param type="begPts" val="midL"/>
                        <dgm:param type="endPts" val="midR"/>
                        <dgm:param type="endSty" val="noArr"/>
                      </dgm:alg>
                    </dgm:else>
                  </dgm:choose>
                  <dgm:shape xmlns:r="http://schemas.openxmlformats.org/officeDocument/2006/relationships" type="conn" r:blip="">
                    <dgm:adjLst/>
                  </dgm:shape>
                  <dgm:presOf axis="self"/>
                  <dgm:constrLst>
                    <dgm:constr type="w" val="1"/>
                    <dgm:constr type="h" val="5"/>
                    <dgm:constr type="connDist"/>
                    <dgm:constr type="begPad"/>
                    <dgm:constr type="endPad"/>
                    <dgm:constr type="userA" for="ch" refType="connDist"/>
                  </dgm:constrLst>
                  <dgm:ruleLst/>
                  <dgm:layoutNode name="connTx">
                    <dgm:alg type="tx">
                      <dgm:param type="autoTxRot" val="grav"/>
                    </dgm:alg>
                    <dgm:shape xmlns:r="http://schemas.openxmlformats.org/officeDocument/2006/relationships" type="rect" r:blip="" hideGeom="1">
                      <dgm:adjLst/>
                    </dgm:shape>
                    <dgm:presOf axis="self"/>
                    <dgm:constrLst>
                      <dgm:constr type="userA"/>
                      <dgm:constr type="w" refType="userA" fact="0.05"/>
                      <dgm:constr type="h" refType="userA" fact="0.05"/>
                      <dgm:constr type="lMarg" val="1"/>
                      <dgm:constr type="rMarg" val="1"/>
                      <dgm:constr type="tMarg"/>
                      <dgm:constr type="bMarg"/>
                    </dgm:constrLst>
                    <dgm:ruleLst>
                      <dgm:rule type="h" val="NaN" fact="0.25" max="NaN"/>
                      <dgm:rule type="w" val="NaN" fact="0.8" max="NaN"/>
                      <dgm:rule type="primFontSz" val="5" fact="NaN" max="NaN"/>
                    </dgm:ruleLst>
                  </dgm:layoutNode>
                </dgm:layoutNode>
              </dgm:forEach>
              <dgm:forEach name="Name15" axis="self" ptType="node">
                <dgm:layoutNode name="root2">
                  <dgm:choose name="Name16">
                    <dgm:if name="Name17" func="var" arg="dir" op="equ" val="norm">
                      <dgm:alg type="hierRoot">
                        <dgm:param type="hierAlign" val="lCtrCh"/>
                      </dgm:alg>
                    </dgm:if>
                    <dgm:else name="Name18">
                      <dgm:alg type="hierRoot">
                        <dgm:param type="hierAlign" val="rCtrCh"/>
                      </dgm:alg>
                    </dgm:else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layoutNode name="LevelTwoTextNode">
                    <dgm:varLst>
                      <dgm:chPref val="3"/>
                    </dgm:varLst>
                    <dgm:alg type="tx"/>
                    <dgm:shape xmlns:r="http://schemas.openxmlformats.org/officeDocument/2006/relationships" type="roundRect" r:blip="">
                      <dgm:adjLst>
                        <dgm:adj idx="1" val="0.1"/>
                      </dgm:adjLst>
                    </dgm:shape>
                    <dgm:presOf axis="self"/>
                    <dgm:constrLst>
                      <dgm:constr type="tMarg" refType="primFontSz" fact="0.05"/>
                      <dgm:constr type="bMarg" refType="primFontSz" fact="0.05"/>
                      <dgm:constr type="lMarg" refType="primFontSz" fact="0.05"/>
                      <dgm:constr type="rMarg" refType="primFontSz" fact="0.05"/>
                    </dgm:constrLst>
                    <dgm:ruleLst>
                      <dgm:rule type="primFontSz" val="5" fact="NaN" max="NaN"/>
                    </dgm:ruleLst>
                  </dgm:layoutNode>
                  <dgm:layoutNode name="level3hierChild">
                    <dgm:choose name="Name19">
                      <dgm:if name="Name20" func="var" arg="dir" op="equ" val="norm">
                        <dgm:alg type="hierChild">
                          <dgm:param type="linDir" val="fromT"/>
                          <dgm:param type="chAlign" val="l"/>
                        </dgm:alg>
                      </dgm:if>
                      <dgm:else name="Name21">
                        <dgm:alg type="hierChild">
                          <dgm:param type="linDir" val="fromT"/>
                          <dgm:param type="chAlign" val="r"/>
                        </dgm:alg>
                      </dgm:else>
                    </dgm:choose>
                    <dgm:shape xmlns:r="http://schemas.openxmlformats.org/officeDocument/2006/relationships" r:blip="">
                      <dgm:adjLst/>
                    </dgm:shape>
                    <dgm:presOf/>
                    <dgm:constrLst/>
                    <dgm:ruleLst/>
                    <dgm:forEach name="Name22" ref="repeat"/>
                  </dgm:layoutNode>
                </dgm:layoutNode>
              </dgm:forEach>
            </dgm:forEach>
          </dgm:layoutNode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3d3">
  <dgm:title val=""/>
  <dgm:desc val=""/>
  <dgm:catLst>
    <dgm:cat type="3D" pri="11300"/>
  </dgm:catLst>
  <dgm:scene3d>
    <a:camera prst="orthographicFront"/>
    <a:lightRig rig="threePt" dir="t"/>
  </dgm:scene3d>
  <dgm:styleLbl name="node0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lnNod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vennNod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2700" prstMaterial="clear">
      <a:bevelT w="177800" h="254000"/>
      <a:bevelB w="1524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2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3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4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ImgPlace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2700" prstMaterial="flat">
      <a:bevelT w="177800" h="254000"/>
      <a:bevelB w="1524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>
        <a:rot lat="0" lon="0" rev="0"/>
      </a:camera>
      <a:lightRig rig="contrasting" dir="t">
        <a:rot lat="0" lon="0" rev="1200000"/>
      </a:lightRig>
    </dgm:scene3d>
    <dgm:sp3d z="-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>
        <a:rot lat="0" lon="0" rev="0"/>
      </a:camera>
      <a:lightRig rig="contrasting" dir="t">
        <a:rot lat="0" lon="0" rev="1200000"/>
      </a:lightRig>
    </dgm:scene3d>
    <dgm:sp3d z="-182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ibTrans2D1">
    <dgm:scene3d>
      <a:camera prst="orthographicFront">
        <a:rot lat="0" lon="0" rev="0"/>
      </a:camera>
      <a:lightRig rig="contrasting" dir="t">
        <a:rot lat="0" lon="0" rev="1200000"/>
      </a:lightRig>
    </dgm:scene3d>
    <dgm:sp3d z="-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1D1">
    <dgm:scene3d>
      <a:camera prst="orthographicFront">
        <a:rot lat="0" lon="0" rev="0"/>
      </a:camera>
      <a:lightRig rig="contrasting" dir="t">
        <a:rot lat="0" lon="0" rev="1200000"/>
      </a:lightRig>
    </dgm:scene3d>
    <dgm:sp3d z="-110000"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>
        <a:rot lat="0" lon="0" rev="0"/>
      </a:camera>
      <a:lightRig rig="contrasting" dir="t">
        <a:rot lat="0" lon="0" rev="1200000"/>
      </a:lightRig>
    </dgm:scene3d>
    <dgm:sp3d z="10000"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2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3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parChTrans2D2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parChTrans2D3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parChTrans2D4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parChTrans1D1">
    <dgm:scene3d>
      <a:camera prst="orthographicFront">
        <a:rot lat="0" lon="0" rev="0"/>
      </a:camera>
      <a:lightRig rig="contrasting" dir="t">
        <a:rot lat="0" lon="0" rev="1200000"/>
      </a:lightRig>
    </dgm:scene3d>
    <dgm:sp3d z="-110000"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>
        <a:rot lat="0" lon="0" rev="0"/>
      </a:camera>
      <a:lightRig rig="contrasting" dir="t">
        <a:rot lat="0" lon="0" rev="1200000"/>
      </a:lightRig>
    </dgm:scene3d>
    <dgm:sp3d z="-110000"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>
        <a:rot lat="0" lon="0" rev="0"/>
      </a:camera>
      <a:lightRig rig="contrasting" dir="t">
        <a:rot lat="0" lon="0" rev="1200000"/>
      </a:lightRig>
    </dgm:scene3d>
    <dgm:sp3d z="-110000"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>
        <a:rot lat="0" lon="0" rev="0"/>
      </a:camera>
      <a:lightRig rig="contrasting" dir="t">
        <a:rot lat="0" lon="0" rev="1200000"/>
      </a:lightRig>
    </dgm:scene3d>
    <dgm:sp3d z="-110000"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Acc1">
    <dgm:scene3d>
      <a:camera prst="orthographicFront">
        <a:rot lat="0" lon="0" rev="0"/>
      </a:camera>
      <a:lightRig rig="contrasting" dir="t">
        <a:rot lat="0" lon="0" rev="1200000"/>
      </a:lightRig>
    </dgm:scene3d>
    <dgm:sp3d z="-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2700" prstMaterial="flat">
      <a:bevelT w="177800" h="254000"/>
      <a:bevelB w="1524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>
        <a:rot lat="0" lon="0" rev="0"/>
      </a:camera>
      <a:lightRig rig="contrasting" dir="t">
        <a:rot lat="0" lon="0" rev="1200000"/>
      </a:lightRig>
    </dgm:scene3d>
    <dgm:sp3d z="-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>
        <a:rot lat="0" lon="0" rev="0"/>
      </a:camera>
      <a:lightRig rig="contrasting" dir="t">
        <a:rot lat="0" lon="0" rev="1200000"/>
      </a:lightRig>
    </dgm:scene3d>
    <dgm:sp3d z="-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>
        <a:rot lat="0" lon="0" rev="0"/>
      </a:camera>
      <a:lightRig rig="contrasting" dir="t">
        <a:rot lat="0" lon="0" rev="1200000"/>
      </a:lightRig>
    </dgm:scene3d>
    <dgm:sp3d z="-300000" prstMaterial="plastic"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>
        <a:rot lat="0" lon="0" rev="0"/>
      </a:camera>
      <a:lightRig rig="contrasting" dir="t">
        <a:rot lat="0" lon="0" rev="1200000"/>
      </a:lightRig>
    </dgm:scene3d>
    <dgm:sp3d contourW="12700" prstMaterial="flat">
      <a:bevelT w="100800" h="154000"/>
      <a:bevelB w="1524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>
        <a:rot lat="0" lon="0" rev="0"/>
      </a:camera>
      <a:lightRig rig="contrasting" dir="t">
        <a:rot lat="0" lon="0" rev="1200000"/>
      </a:lightRig>
    </dgm:scene3d>
    <dgm:sp3d z="-152400" prstMaterial="matte"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6T10:47:45.158"/>
    </inkml:context>
    <inkml:brush xml:id="br0">
      <inkml:brushProperty name="width" value="0.35" units="cm"/>
      <inkml:brushProperty name="height" value="0.35" units="cm"/>
      <inkml:brushProperty name="color" value="#FFFFFF"/>
    </inkml:brush>
  </inkml:definitions>
  <inkml:trace contextRef="#ctx0" brushRef="#br0">6976 10355 16383 0 0,'0'0'0'0'0,"2"-2"0"0"0,0-2 0 0 0,-1-5 0 0 0,0-3 0 0 0,-2-3 0 0 0,-10 1 0 0 0,-12 2 0 0 0,-12 4 0 0 0,-9 2 0 0 0,-3 4 0 0 0,3 3 0 0 0,3 6 0 0 0,8 7 0 0 0,7 6 0 0 0,7 3 0 0 0,6 2 0 0 0,5-1 0 0 0,4-1 0 0 0,2-4 0 0 0,3-4 0 0 0,0-3 0 0 0,1-2 0 0 0,3-2 0 0 0,4-1 0 0 0,3-2 0 0 0,3-1 0 0 0,3-1 0 0 0,4-1 0 0 0,5-3 0 0 0,6-4 0 0 0,2-6 0 0 0,1-5 0 0 0,-1-3 0 0 0,-3-2 0 0 0,-3 1 0 0 0,-3 2 0 0 0,-6 4 0 0 0,-4 4 0 0 0,-6 3 0 0 0,-2 4 0 0 0,-3 1 0 0 0,1 2 0 0 0,1 0 0 0 0,1 1 0 0 0,1 1 0 0 0,0 2 0 0 0,0 2 0 0 0,0 3 0 0 0,-1 3 0 0 0,-1 2 0 0 0,-2 2 0 0 0,-1 3 0 0 0,-2-1 0 0 0,-1-5 0 0 0,-1-8 0 0 0,0-9 0 0 0,0-7 0 0 0,-1-3 0 0 0,1-2 0 0 0,0 1 0 0 0,0 0 0 0 0,0 0 0 0 0,0 1 0 0 0,0 1 0 0 0,0 0 0 0 0,0 1 0 0 0,0 0 0 0 0,0 1 0 0 0,0 1 0 0 0,0 1 0 0 0,0 2 0 0 0,0 2 0 0 0,0 0 0 0 0,2 1 0 0 0,0 0 0 0 0,1 2 0 0 0,1 0 0 0 0,0 2 0 0 0,0-1 0 0 0,0 1 0 0 0,0 1 0 0 0,-1 2 0 0 0,-2 4 0 0 0,-3 5 0 0 0,-3 4 0 0 0,-4 3 0 0 0,-1 2 0 0 0,-1-1 0 0 0,-1-2 0 0 0,1-2 0 0 0,0 0 0 0 0,0 0 0 0 0,-1 0 0 0 0,0-1 0 0 0,1 1 0 0 0,0 0 0 0 0,2 1 0 0 0,2-1 0 0 0,2-3 0 0 0,1-1 0 0 0,3-4 0 0 0,0-1 0 0 0,1-2 0 0 0,0 0 0 0 0,0 0 0 0 0,1 2 0 0 0,2 1 0 0 0,1 1 0 0 0,0 0 0 0 0,2 0 0 0 0,-1-2 0 0 0,1-2 0 0 0,-1-2 0 0 0,0-1 0 0 0,-1-2 0 0 0</inkml:trace>
</inkml:ink>
</file>

<file path=ppt/ink/ink1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6T10:47:45.158"/>
    </inkml:context>
    <inkml:brush xml:id="br0">
      <inkml:brushProperty name="width" value="0.35" units="cm"/>
      <inkml:brushProperty name="height" value="0.35" units="cm"/>
      <inkml:brushProperty name="color" value="#FFFFFF"/>
    </inkml:brush>
  </inkml:definitions>
  <inkml:trace contextRef="#ctx0" brushRef="#br0">6976 10355 16383 0 0,'0'0'0'0'0,"2"-2"0"0"0,0-2 0 0 0,-1-5 0 0 0,0-3 0 0 0,-2-3 0 0 0,-10 1 0 0 0,-12 2 0 0 0,-12 4 0 0 0,-9 2 0 0 0,-3 4 0 0 0,3 3 0 0 0,3 6 0 0 0,8 7 0 0 0,7 6 0 0 0,7 3 0 0 0,6 2 0 0 0,5-1 0 0 0,4-1 0 0 0,2-4 0 0 0,3-4 0 0 0,0-3 0 0 0,1-2 0 0 0,3-2 0 0 0,4-1 0 0 0,3-2 0 0 0,3-1 0 0 0,3-1 0 0 0,4-1 0 0 0,5-3 0 0 0,6-4 0 0 0,2-6 0 0 0,1-5 0 0 0,-1-3 0 0 0,-3-2 0 0 0,-3 1 0 0 0,-3 2 0 0 0,-6 4 0 0 0,-4 4 0 0 0,-6 3 0 0 0,-2 4 0 0 0,-3 1 0 0 0,1 2 0 0 0,1 0 0 0 0,1 1 0 0 0,1 1 0 0 0,0 2 0 0 0,0 2 0 0 0,0 3 0 0 0,-1 3 0 0 0,-1 2 0 0 0,-2 2 0 0 0,-1 3 0 0 0,-2-1 0 0 0,-1-5 0 0 0,-1-8 0 0 0,0-9 0 0 0,0-7 0 0 0,-1-3 0 0 0,1-2 0 0 0,0 1 0 0 0,0 0 0 0 0,0 0 0 0 0,0 1 0 0 0,0 1 0 0 0,0 0 0 0 0,0 1 0 0 0,0 0 0 0 0,0 1 0 0 0,0 1 0 0 0,0 1 0 0 0,0 2 0 0 0,0 2 0 0 0,0 0 0 0 0,2 1 0 0 0,0 0 0 0 0,1 2 0 0 0,1 0 0 0 0,0 2 0 0 0,0-1 0 0 0,0 1 0 0 0,0 1 0 0 0,-1 2 0 0 0,-2 4 0 0 0,-3 5 0 0 0,-3 4 0 0 0,-4 3 0 0 0,-1 2 0 0 0,-1-1 0 0 0,-1-2 0 0 0,1-2 0 0 0,0 0 0 0 0,0 0 0 0 0,-1 0 0 0 0,0-1 0 0 0,1 1 0 0 0,0 0 0 0 0,2 1 0 0 0,2-1 0 0 0,2-3 0 0 0,1-1 0 0 0,3-4 0 0 0,0-1 0 0 0,1-2 0 0 0,0 0 0 0 0,0 0 0 0 0,1 2 0 0 0,2 1 0 0 0,1 1 0 0 0,0 0 0 0 0,2 0 0 0 0,-1-2 0 0 0,1-2 0 0 0,-1-2 0 0 0,0-1 0 0 0,-1-2 0 0 0</inkml:trace>
</inkml:ink>
</file>

<file path=ppt/ink/ink1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6T11:47:04.799"/>
    </inkml:context>
    <inkml:brush xml:id="br0">
      <inkml:brushProperty name="width" value="0.35" units="cm"/>
      <inkml:brushProperty name="height" value="0.35" units="cm"/>
      <inkml:brushProperty name="color" value="#FFFFFF"/>
    </inkml:brush>
  </inkml:definitions>
  <inkml:trace contextRef="#ctx0" brushRef="#br0">15703 7661 16383 0 0,'-1'0'0'0'0,"0"0"0"0"0</inkml:trace>
</inkml:ink>
</file>

<file path=ppt/ink/ink1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6T11:47:04.800"/>
    </inkml:context>
    <inkml:brush xml:id="br0">
      <inkml:brushProperty name="width" value="0.35" units="cm"/>
      <inkml:brushProperty name="height" value="0.35" units="cm"/>
      <inkml:brushProperty name="color" value="#FFFFFF"/>
    </inkml:brush>
  </inkml:definitions>
  <inkml:trace contextRef="#ctx0" brushRef="#br0">15820 7731 16383 0 0,'0'-1'0'0'0,"0"-3"0"0"0,0-5 0 0 0,0-3 0 0 0,0-4 0 0 0,0-1 0 0 0,0-1 0 0 0,-2 1 0 0 0,0 2 0 0 0,0 1 0 0 0,-1 0 0 0 0,-1-2 0 0 0,-3-3 0 0 0,0-3 0 0 0,0 3 0 0 0,0 4 0 0 0,1 4 0 0 0,-1 5 0 0 0,-1 2 0 0 0,-3 3 0 0 0,-5 3 0 0 0,-8 5 0 0 0,-8 6 0 0 0,-6 4 0 0 0,-2 3 0 0 0,0 2 0 0 0,5 0 0 0 0,6-3 0 0 0,7-3 0 0 0,8 0 0 0 0,6-1 0 0 0,4 3 0 0 0,3 5 0 0 0,2 6 0 0 0,0 5 0 0 0,1 2 0 0 0,-1-2 0 0 0,2-3 0 0 0,3-6 0 0 0,3-7 0 0 0,2-5 0 0 0,2-5 0 0 0,1-4 0 0 0,2-3 0 0 0,0-3 0 0 0,2-4 0 0 0,1-5 0 0 0,2-6 0 0 0,0-6 0 0 0,1-3 0 0 0,0-2 0 0 0,-3 1 0 0 0,-4 4 0 0 0,-4 4 0 0 0,-4 5 0 0 0,-3 3 0 0 0,-2 2 0 0 0,-2 2 0 0 0,-1 0 0 0 0,-4-1 0 0 0,-4-1 0 0 0,-3 0 0 0 0,-4 0 0 0 0,-1 2 0 0 0,0 1 0 0 0,-2 3 0 0 0,0 0 0 0 0,0 3 0 0 0,0-1 0 0 0,1-1 0 0 0,1 0 0 0 0,3 1 0 0 0,3-1 0 0 0</inkml:trace>
</inkml:ink>
</file>

<file path=ppt/ink/ink1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6T11:47:04.801"/>
    </inkml:context>
    <inkml:brush xml:id="br0">
      <inkml:brushProperty name="width" value="0.35" units="cm"/>
      <inkml:brushProperty name="height" value="0.35" units="cm"/>
      <inkml:brushProperty name="color" value="#FFFFFF"/>
    </inkml:brush>
  </inkml:definitions>
  <inkml:trace contextRef="#ctx0" brushRef="#br0">15329 12862 16383 0 0,'0'0'0'0'0,"-2"-1"0"0"0,-1-3 0 0 0,-2-6 0 0 0,-2-7 0 0 0,-2-5 0 0 0,-2-8 0 0 0,-4-4 0 0 0,-2-1 0 0 0,-2 5 0 0 0,2 8 0 0 0,1 17 0 0 0,4 28 0 0 0,0 30 0 0 0,3 26 0 0 0,2 13 0 0 0,2-1 0 0 0,2-10 0 0 0,2-16 0 0 0,1-18 0 0 0,3-18 0 0 0,4-13 0 0 0,5-14 0 0 0,4-13 0 0 0,4-17 0 0 0,2-16 0 0 0,-1-16 0 0 0,-5-10 0 0 0,-4-7 0 0 0,-4 3 0 0 0,-5 9 0 0 0,-4 12 0 0 0,-5 16 0 0 0,-6 14 0 0 0,-3 10 0 0 0,0 13 0 0 0,0 15 0 0 0,2 15 0 0 0,3 13 0 0 0,3 9 0 0 0,5 3 0 0 0,11-3 0 0 0,14-6 0 0 0,11-10 0 0 0,6-12 0 0 0,4-10 0 0 0,-1-12 0 0 0,-1-17 0 0 0,-3-18 0 0 0,-2-16 0 0 0,-4-9 0 0 0,-5-2 0 0 0,-7 6 0 0 0,-7 10 0 0 0,-6 10 0 0 0,-4 13 0 0 0,-4 12 0 0 0,0 14 0 0 0,-2 14 0 0 0,-3 15 0 0 0,-2 12 0 0 0,-2 9 0 0 0,-1 2 0 0 0,2-2 0 0 0,2-7 0 0 0,2-7 0 0 0,1-7 0 0 0,2-6 0 0 0,1-5 0 0 0,0-6 0 0 0,0-3 0 0 0,1-4 0 0 0,-2-4 0 0 0,-4-2 0 0 0,-4-3 0 0 0,-7-1 0 0 0,-9-2 0 0 0,-10-5 0 0 0,-10-4 0 0 0,-5-5 0 0 0,-2 0 0 0 0,4 2 0 0 0,6 4 0 0 0,6 3 0 0 0,9 3 0 0 0,9 2 0 0 0,6 1 0 0 0</inkml:trace>
</inkml:ink>
</file>

<file path=ppt/ink/ink1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7T21:17:32.192"/>
    </inkml:context>
    <inkml:brush xml:id="br0">
      <inkml:brushProperty name="width" value="0.05" units="cm"/>
      <inkml:brushProperty name="height" value="0.05" units="cm"/>
      <inkml:brushProperty name="color" value="#66CC00"/>
    </inkml:brush>
  </inkml:definitions>
  <inkml:trace contextRef="#ctx0" brushRef="#br0">18715 14504 16383 0 0,'0'0'0'0'0,"0"-3"0"0"0,0-3 0 0 0,0-8 0 0 0,0-6 0 0 0,0-7 0 0 0,1-4 0 0 0,2-3 0 0 0,1-1 0 0 0,1 0 0 0 0,0 2 0 0 0,0 0 0 0 0,-1 3 0 0 0,-1 3 0 0 0,1 2 0 0 0,-2 2 0 0 0,1 3 0 0 0,-1 1 0 0 0,1 0 0 0 0,0 1 0 0 0,0 2 0 0 0,0 2 0 0 0,1-1 0 0 0,1 1 0 0 0,0 0 0 0 0,1 0 0 0 0,0-1 0 0 0,1 0 0 0 0,0-1 0 0 0,0-1 0 0 0,0 1 0 0 0,1-1 0 0 0,0 0 0 0 0,1-1 0 0 0,0 0 0 0 0,1-1 0 0 0,0 0 0 0 0,0 1 0 0 0,2 0 0 0 0,0 1 0 0 0,2 1 0 0 0,-1 3 0 0 0,1 0 0 0 0,2 0 0 0 0,2 1 0 0 0,3 2 0 0 0,1-1 0 0 0,2 0 0 0 0,2 0 0 0 0,3-1 0 0 0,1 1 0 0 0,1-1 0 0 0,3 0 0 0 0,0 1 0 0 0,0 0 0 0 0,-1 0 0 0 0,-2 0 0 0 0,-2 1 0 0 0,-2 0 0 0 0,-2 1 0 0 0,-1 1 0 0 0,-1 0 0 0 0,0 0 0 0 0,0 0 0 0 0,0 1 0 0 0,-2-1 0 0 0,0 0 0 0 0,0-1 0 0 0,2 0 0 0 0,-1 0 0 0 0,2 0 0 0 0,1 1 0 0 0,2-1 0 0 0,1 0 0 0 0,2 0 0 0 0,2-1 0 0 0,2 0 0 0 0,0 0 0 0 0,1-1 0 0 0,1-1 0 0 0,1-1 0 0 0,1 0 0 0 0,1 0 0 0 0,2-1 0 0 0,5-1 0 0 0,6-2 0 0 0,6 0 0 0 0,4-2 0 0 0,4 1 0 0 0,3 0 0 0 0,-1 1 0 0 0,0 0 0 0 0,-2 2 0 0 0,-3 0 0 0 0,-3-1 0 0 0,-5 0 0 0 0,-2-1 0 0 0,-4 1 0 0 0,-3 0 0 0 0,-1 1 0 0 0,1 1 0 0 0,-1 0 0 0 0,3 1 0 0 0,0 2 0 0 0,2 0 0 0 0,3 1 0 0 0,3 2 0 0 0,3 1 0 0 0,4 1 0 0 0,4 3 0 0 0,2 0 0 0 0,1-1 0 0 0,-2 1 0 0 0,0-2 0 0 0,-2 0 0 0 0,-2-1 0 0 0,-2-1 0 0 0,-3 0 0 0 0,-3 0 0 0 0,-3 1 0 0 0,-2 0 0 0 0,-2 0 0 0 0,-1 0 0 0 0,-2 1 0 0 0,-2-1 0 0 0,-3 2 0 0 0,-2-1 0 0 0,-3 0 0 0 0,-1 1 0 0 0,-2 1 0 0 0,0 0 0 0 0,-2-1 0 0 0,-1 0 0 0 0,-1-1 0 0 0,2-1 0 0 0,1-1 0 0 0,3-1 0 0 0,3-2 0 0 0,3 0 0 0 0,2-1 0 0 0,3 0 0 0 0,1 1 0 0 0,-1-1 0 0 0,-1 2 0 0 0,-3 0 0 0 0,-4 2 0 0 0,-3 0 0 0 0,-5-1 0 0 0,-2 1 0 0 0,-4-2 0 0 0,-2-1 0 0 0,-1-2 0 0 0,-2-2 0 0 0,-1-3 0 0 0,1-2 0 0 0,0-5 0 0 0,2-3 0 0 0,1-4 0 0 0,-1-4 0 0 0,1 0 0 0 0,-1 0 0 0 0,-1-2 0 0 0,-2-2 0 0 0,-2-2 0 0 0,-3-3 0 0 0,-1-1 0 0 0,-1-1 0 0 0,-2 0 0 0 0,-1 1 0 0 0,-1 3 0 0 0,-1 2 0 0 0,0 3 0 0 0,0 4 0 0 0,-1 2 0 0 0,1 2 0 0 0,-1 2 0 0 0,-1-1 0 0 0,0-1 0 0 0,0-1 0 0 0,-1-1 0 0 0,-1-2 0 0 0,0-1 0 0 0,-1 0 0 0 0,-1 0 0 0 0,0 1 0 0 0,0 1 0 0 0,0 1 0 0 0,2 1 0 0 0,1 3 0 0 0,0 3 0 0 0,1 2 0 0 0,0 0 0 0 0,0 1 0 0 0,0 0 0 0 0,0-1 0 0 0,0 0 0 0 0,0 0 0 0 0,2-2 0 0 0,-1 2 0 0 0,0 2 0 0 0,0 2 0 0 0,-2 2 0 0 0,0 0 0 0 0,0 2 0 0 0,0 1 0 0 0,0 1 0 0 0,0 1 0 0 0,-1-1 0 0 0,0 2 0 0 0,-1 0 0 0 0,-1 2 0 0 0,1 1 0 0 0,-2 1 0 0 0,1 0 0 0 0,0 1 0 0 0,0 0 0 0 0</inkml:trace>
</inkml:ink>
</file>

<file path=ppt/ink/ink1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7T21:17:32.193"/>
    </inkml:context>
    <inkml:brush xml:id="br0">
      <inkml:brushProperty name="width" value="0.05" units="cm"/>
      <inkml:brushProperty name="height" value="0.05" units="cm"/>
      <inkml:brushProperty name="color" value="#F6630D"/>
    </inkml:brush>
  </inkml:definitions>
  <inkml:trace contextRef="#ctx0" brushRef="#br0">18712 14482 16383 0 0,'0'-1'0'0'0,"0"-3"0"0"0,0-8 0 0 0,0-14 0 0 0,0-16 0 0 0,0-16 0 0 0,0-12 0 0 0,0-7 0 0 0,0-3 0 0 0,0-1 0 0 0,1 0 0 0 0,1 2 0 0 0,2 7 0 0 0,1 5 0 0 0,1 8 0 0 0,0 8 0 0 0,0 6 0 0 0,0 5 0 0 0,-1 3 0 0 0,0 3 0 0 0,-2 2 0 0 0,-1 1 0 0 0,0 1 0 0 0,1 1 0 0 0,0 0 0 0 0,1 1 0 0 0,2 1 0 0 0,0 3 0 0 0,1 2 0 0 0,2 1 0 0 0,0 0 0 0 0,0-1 0 0 0,0 2 0 0 0,1 0 0 0 0,0-1 0 0 0,0-2 0 0 0,0 0 0 0 0,0 0 0 0 0,1 0 0 0 0,-2 0 0 0 0,0 0 0 0 0,-1 1 0 0 0,0 1 0 0 0,0 1 0 0 0,1 1 0 0 0,0 0 0 0 0,0 0 0 0 0,1 1 0 0 0,0 0 0 0 0,1 0 0 0 0,1-2 0 0 0,1-2 0 0 0,1-3 0 0 0,2-1 0 0 0,1 0 0 0 0,2-2 0 0 0,2 1 0 0 0,0 0 0 0 0,1 0 0 0 0,-1 0 0 0 0,-1 1 0 0 0,1 0 0 0 0,1-1 0 0 0,0 2 0 0 0,-1-1 0 0 0,0 2 0 0 0,0 1 0 0 0,0 0 0 0 0,0 1 0 0 0,0 0 0 0 0,-1 2 0 0 0,0 0 0 0 0,-1 2 0 0 0,0 1 0 0 0,0 1 0 0 0,-1 2 0 0 0,-1 0 0 0 0,0 0 0 0 0,-1-1 0 0 0,1-2 0 0 0,-1 1 0 0 0,0 0 0 0 0,1-1 0 0 0,0 0 0 0 0,1 0 0 0 0,0 1 0 0 0,0 0 0 0 0,2 0 0 0 0,3 0 0 0 0,4 0 0 0 0,4 0 0 0 0,4 0 0 0 0,3 0 0 0 0,2 0 0 0 0,2 0 0 0 0,0 0 0 0 0,0 1 0 0 0,0-2 0 0 0,2-2 0 0 0,-1-1 0 0 0,0 1 0 0 0,-1 0 0 0 0,-1 1 0 0 0,0 3 0 0 0,-2 2 0 0 0,-1 3 0 0 0,-1 2 0 0 0,0 2 0 0 0,0 1 0 0 0,0 3 0 0 0,3 0 0 0 0,-4 2 0 0 0,-3 0 0 0 0,1 0 0 0 0,1 0 0 0 0,1 0 0 0 0,-1-2 0 0 0,0-1 0 0 0,0 0 0 0 0,-2-1 0 0 0,0 0 0 0 0,-2 0 0 0 0,1 0 0 0 0,0-1 0 0 0,2 1 0 0 0,-1 1 0 0 0,1 0 0 0 0,-2 0 0 0 0,0-1 0 0 0,-1 1 0 0 0,1-1 0 0 0,0-2 0 0 0,-1 1 0 0 0,1-1 0 0 0,-1-1 0 0 0,-1 1 0 0 0,0-1 0 0 0,-3 0 0 0 0,0 0 0 0 0,-1 1 0 0 0,-1-1 0 0 0,-1 0 0 0 0,-1 1 0 0 0,1 1 0 0 0,1 0 0 0 0,0 0 0 0 0,0 0 0 0 0,0 0 0 0 0,0 1 0 0 0,0-2 0 0 0,2 1 0 0 0,1 0 0 0 0,1-2 0 0 0,1 1 0 0 0,1 0 0 0 0,-1-1 0 0 0,0 2 0 0 0,-1-1 0 0 0,-1 1 0 0 0,-1 0 0 0 0,-1 1 0 0 0,-1 1 0 0 0,-1-1 0 0 0,0 0 0 0 0,0 2 0 0 0,0 0 0 0 0,-1 2 0 0 0,0-1 0 0 0,0 1 0 0 0,0 0 0 0 0,0 0 0 0 0,0 1 0 0 0,0-1 0 0 0,-1 0 0 0 0,-1 0 0 0 0,-1 0 0 0 0,0 0 0 0 0,-1 0 0 0 0,-1 0 0 0 0,1 0 0 0 0,0 0 0 0 0,-1 0 0 0 0,1 0 0 0 0,-1 0 0 0 0,1 0 0 0 0,0 0 0 0 0,-1 0 0 0 0,-1 0 0 0 0,-1 0 0 0 0,-1 0 0 0 0,0 0 0 0 0,0 0 0 0 0,-1 0 0 0 0,1 0 0 0 0,0 0 0 0 0,0 0 0 0 0,0 0 0 0 0,0 0 0 0 0,0 0 0 0 0,-1 0 0 0 0,1 0 0 0 0,-1 0 0 0 0,0 0 0 0 0,0 0 0 0 0,1 0 0 0 0,0 0 0 0 0,-1 0 0 0 0,2-1 0 0 0,0 0 0 0 0,-1-1 0 0 0,1 0 0 0 0,-1 0 0 0 0,0 1 0 0 0,-1-1 0 0 0,-1 0 0 0 0,0-1 0 0 0,-2 0 0 0 0,1-1 0 0 0,-1 0 0 0 0,0 0 0 0 0,0 0 0 0 0,0 1 0 0 0,-1-1 0 0 0,1 0 0 0 0,0-1 0 0 0,1 1 0 0 0,2 0 0 0 0,1 0 0 0 0,0 0 0 0 0,0-1 0 0 0,2-1 0 0 0,0 1 0 0 0,0-1 0 0 0,0 1 0 0 0,0 0 0 0 0,0-1 0 0 0,0 1 0 0 0,-1 0 0 0 0,-1 0 0 0 0,-1-2 0 0 0,0 1 0 0 0,0 0 0 0 0,1-1 0 0 0,1 0 0 0 0,-1 0 0 0 0,1-1 0 0 0,1 0 0 0 0,0-1 0 0 0,1 1 0 0 0,0 0 0 0 0,-1 0 0 0 0,-1 0 0 0 0,-2-1 0 0 0,-2 1 0 0 0,0 0 0 0 0,-1 0 0 0 0,0 0 0 0 0,0-1 0 0 0,2 1 0 0 0,-1-2 0 0 0,1-1 0 0 0,2-1 0 0 0,0-2 0 0 0,2-2 0 0 0,1-3 0 0 0,1-2 0 0 0,0 2 0 0 0,-1 1 0 0 0,0 1 0 0 0,-2 2 0 0 0,-2 2 0 0 0,-2 1 0 0 0,-3 1 0 0 0,0 1 0 0 0,0 0 0 0 0,-1-1 0 0 0,0 1 0 0 0,0-2 0 0 0,1 1 0 0 0,-1 0 0 0 0,0 0 0 0 0,-2 0 0 0 0,0 0 0 0 0,-2 2 0 0 0,0 1 0 0 0,0 3 0 0 0,-1 0 0 0 0,-1 1 0 0 0,-1 0 0 0 0,0 0 0 0 0,-1 0 0 0 0,0-1 0 0 0,0 0 0 0 0</inkml:trace>
</inkml:ink>
</file>

<file path=ppt/ink/ink1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2-12-16T12:38:39.827"/>
    </inkml:context>
    <inkml:brush xml:id="br0">
      <inkml:brushProperty name="width" value="0.1" units="cm"/>
      <inkml:brushProperty name="height" value="0.6" units="cm"/>
      <inkml:brushProperty name="color" value="#FFFFFF"/>
      <inkml:brushProperty name="ignorePressure" value="1"/>
      <inkml:brushProperty name="inkEffects" value="pencil"/>
    </inkml:brush>
  </inkml:definitions>
  <inkml:trace contextRef="#ctx0" brushRef="#br0">44 45,'-4'0,"-3"0,-1 0,0-3,1-4,2-4,2-1,2 0</inkml:trace>
</inkml:ink>
</file>

<file path=ppt/ink/ink1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2-12-16T12:38:41.311"/>
    </inkml:context>
    <inkml:brush xml:id="br0">
      <inkml:brushProperty name="width" value="0.1" units="cm"/>
      <inkml:brushProperty name="height" value="0.6" units="cm"/>
      <inkml:brushProperty name="color" value="#FFFFFF"/>
      <inkml:brushProperty name="ignorePressure" value="1"/>
      <inkml:brushProperty name="inkEffects" value="pencil"/>
    </inkml:brush>
  </inkml:definitions>
  <inkml:trace contextRef="#ctx0" brushRef="#br0">34 100,'-4'0,"-1"-2,0-3,2-3,-2-1,1 0,1-3,1-1,1-2,0 1,1 1</inkml:trace>
</inkml:ink>
</file>

<file path=ppt/ink/ink1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2-12-16T12:38:46.670"/>
    </inkml:context>
    <inkml:brush xml:id="br0">
      <inkml:brushProperty name="width" value="0.1" units="cm"/>
      <inkml:brushProperty name="height" value="0.6" units="cm"/>
      <inkml:brushProperty name="color" value="#FFFFFF"/>
      <inkml:brushProperty name="ignorePressure" value="1"/>
      <inkml:brushProperty name="inkEffects" value="pencil"/>
    </inkml:brush>
  </inkml:definitions>
  <inkml:trace contextRef="#ctx0" brushRef="#br0">130 1,'-2'0,"-4"0,-1 3,-1 2,-3 0,-1-2,1 2,1-1,-2-1,0-1,-2 0,0-2,5 0,7 0,7 0,4 0,3 0,3 0,0 0,2 0,-1 0,1 0,-3 0</inkml:trace>
</inkml:ink>
</file>

<file path=ppt/ink/ink1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6T10:47:45.158"/>
    </inkml:context>
    <inkml:brush xml:id="br0">
      <inkml:brushProperty name="width" value="0.35" units="cm"/>
      <inkml:brushProperty name="height" value="0.35" units="cm"/>
      <inkml:brushProperty name="color" value="#FFFFFF"/>
    </inkml:brush>
  </inkml:definitions>
  <inkml:trace contextRef="#ctx0" brushRef="#br0">6976 10355 16383 0 0,'0'0'0'0'0,"2"-2"0"0"0,0-2 0 0 0,-1-5 0 0 0,0-3 0 0 0,-2-3 0 0 0,-10 1 0 0 0,-12 2 0 0 0,-12 4 0 0 0,-9 2 0 0 0,-3 4 0 0 0,3 3 0 0 0,3 6 0 0 0,8 7 0 0 0,7 6 0 0 0,7 3 0 0 0,6 2 0 0 0,5-1 0 0 0,4-1 0 0 0,2-4 0 0 0,3-4 0 0 0,0-3 0 0 0,1-2 0 0 0,3-2 0 0 0,4-1 0 0 0,3-2 0 0 0,3-1 0 0 0,3-1 0 0 0,4-1 0 0 0,5-3 0 0 0,6-4 0 0 0,2-6 0 0 0,1-5 0 0 0,-1-3 0 0 0,-3-2 0 0 0,-3 1 0 0 0,-3 2 0 0 0,-6 4 0 0 0,-4 4 0 0 0,-6 3 0 0 0,-2 4 0 0 0,-3 1 0 0 0,1 2 0 0 0,1 0 0 0 0,1 1 0 0 0,1 1 0 0 0,0 2 0 0 0,0 2 0 0 0,0 3 0 0 0,-1 3 0 0 0,-1 2 0 0 0,-2 2 0 0 0,-1 3 0 0 0,-2-1 0 0 0,-1-5 0 0 0,-1-8 0 0 0,0-9 0 0 0,0-7 0 0 0,-1-3 0 0 0,1-2 0 0 0,0 1 0 0 0,0 0 0 0 0,0 0 0 0 0,0 1 0 0 0,0 1 0 0 0,0 0 0 0 0,0 1 0 0 0,0 0 0 0 0,0 1 0 0 0,0 1 0 0 0,0 1 0 0 0,0 2 0 0 0,0 2 0 0 0,0 0 0 0 0,2 1 0 0 0,0 0 0 0 0,1 2 0 0 0,1 0 0 0 0,0 2 0 0 0,0-1 0 0 0,0 1 0 0 0,0 1 0 0 0,-1 2 0 0 0,-2 4 0 0 0,-3 5 0 0 0,-3 4 0 0 0,-4 3 0 0 0,-1 2 0 0 0,-1-1 0 0 0,-1-2 0 0 0,1-2 0 0 0,0 0 0 0 0,0 0 0 0 0,-1 0 0 0 0,0-1 0 0 0,1 1 0 0 0,0 0 0 0 0,2 1 0 0 0,2-1 0 0 0,2-3 0 0 0,1-1 0 0 0,3-4 0 0 0,0-1 0 0 0,1-2 0 0 0,0 0 0 0 0,0 0 0 0 0,1 2 0 0 0,2 1 0 0 0,1 1 0 0 0,0 0 0 0 0,2 0 0 0 0,-1-2 0 0 0,1-2 0 0 0,-1-2 0 0 0,0-1 0 0 0,-1-2 0 0 0</inkml:trace>
</inkml:ink>
</file>

<file path=ppt/ink/ink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6T10:47:49.566"/>
    </inkml:context>
    <inkml:brush xml:id="br0">
      <inkml:brushProperty name="width" value="0.35" units="cm"/>
      <inkml:brushProperty name="height" value="0.35" units="cm"/>
      <inkml:brushProperty name="color" value="#FFFFFF"/>
    </inkml:brush>
  </inkml:definitions>
  <inkml:trace contextRef="#ctx0" brushRef="#br0">13457 10545 16383 0 0,'0'-1'0'0'0,"-2"-1"0"0"0,0-2 0 0 0,0-3 0 0 0,1-4 0 0 0,0-3 0 0 0,1-4 0 0 0,-1-2 0 0 0,1-2 0 0 0,-1-2 0 0 0,-3-1 0 0 0,-1-1 0 0 0,1 2 0 0 0,-1 1 0 0 0,0 2 0 0 0,0 2 0 0 0,1 5 0 0 0,0 3 0 0 0,0 3 0 0 0,-2 4 0 0 0,-3 2 0 0 0,-4 2 0 0 0,-1-2 0 0 0,-1-1 0 0 0,1 0 0 0 0,1 0 0 0 0,0 1 0 0 0,2 1 0 0 0,1 0 0 0 0,1 1 0 0 0,1-1 0 0 0,1 2 0 0 0,0-1 0 0 0,-1 0 0 0 0,0 1 0 0 0,-2 2 0 0 0,1 2 0 0 0,0 2 0 0 0,1 1 0 0 0,0 2 0 0 0,1 3 0 0 0,2 3 0 0 0,0 2 0 0 0,1 3 0 0 0,1 3 0 0 0,0 2 0 0 0,2 2 0 0 0,0 1 0 0 0,2-2 0 0 0,1-3 0 0 0,2-4 0 0 0,0-6 0 0 0,0-5 0 0 0,1-4 0 0 0,1-2 0 0 0,1-3 0 0 0,3-2 0 0 0,3-6 0 0 0,3-6 0 0 0,0-6 0 0 0,0-3 0 0 0,-3-2 0 0 0,-4-2 0 0 0,-2 2 0 0 0,-4 1 0 0 0,-1 2 0 0 0,-2 1 0 0 0,0 3 0 0 0,-1 3 0 0 0,0 4 0 0 0,-2 3 0 0 0,-3 3 0 0 0,-2 1 0 0 0,-4 1 0 0 0,-4 2 0 0 0,-3 0 0 0 0,-1 1 0 0 0,0 1 0 0 0,4-1 0 0 0</inkml:trace>
</inkml:ink>
</file>

<file path=ppt/ink/ink2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6T11:47:04.801"/>
    </inkml:context>
    <inkml:brush xml:id="br0">
      <inkml:brushProperty name="width" value="0.35" units="cm"/>
      <inkml:brushProperty name="height" value="0.35" units="cm"/>
      <inkml:brushProperty name="color" value="#FFFFFF"/>
    </inkml:brush>
  </inkml:definitions>
  <inkml:trace contextRef="#ctx0" brushRef="#br0">15329 12862 16383 0 0,'0'0'0'0'0,"-2"-1"0"0"0,-1-3 0 0 0,-2-6 0 0 0,-2-7 0 0 0,-2-5 0 0 0,-2-8 0 0 0,-4-4 0 0 0,-2-1 0 0 0,-2 5 0 0 0,2 8 0 0 0,1 17 0 0 0,4 28 0 0 0,0 30 0 0 0,3 26 0 0 0,2 13 0 0 0,2-1 0 0 0,2-10 0 0 0,2-16 0 0 0,1-18 0 0 0,3-18 0 0 0,4-13 0 0 0,5-14 0 0 0,4-13 0 0 0,4-17 0 0 0,2-16 0 0 0,-1-16 0 0 0,-5-10 0 0 0,-4-7 0 0 0,-4 3 0 0 0,-5 9 0 0 0,-4 12 0 0 0,-5 16 0 0 0,-6 14 0 0 0,-3 10 0 0 0,0 13 0 0 0,0 15 0 0 0,2 15 0 0 0,3 13 0 0 0,3 9 0 0 0,5 3 0 0 0,11-3 0 0 0,14-6 0 0 0,11-10 0 0 0,6-12 0 0 0,4-10 0 0 0,-1-12 0 0 0,-1-17 0 0 0,-3-18 0 0 0,-2-16 0 0 0,-4-9 0 0 0,-5-2 0 0 0,-7 6 0 0 0,-7 10 0 0 0,-6 10 0 0 0,-4 13 0 0 0,-4 12 0 0 0,0 14 0 0 0,-2 14 0 0 0,-3 15 0 0 0,-2 12 0 0 0,-2 9 0 0 0,-1 2 0 0 0,2-2 0 0 0,2-7 0 0 0,2-7 0 0 0,1-7 0 0 0,2-6 0 0 0,1-5 0 0 0,0-6 0 0 0,0-3 0 0 0,1-4 0 0 0,-2-4 0 0 0,-4-2 0 0 0,-4-3 0 0 0,-7-1 0 0 0,-9-2 0 0 0,-10-5 0 0 0,-10-4 0 0 0,-5-5 0 0 0,-2 0 0 0 0,4 2 0 0 0,6 4 0 0 0,6 3 0 0 0,9 3 0 0 0,9 2 0 0 0,6 1 0 0 0</inkml:trace>
</inkml:ink>
</file>

<file path=ppt/ink/ink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6T10:47:45.158"/>
    </inkml:context>
    <inkml:brush xml:id="br0">
      <inkml:brushProperty name="width" value="0.35" units="cm"/>
      <inkml:brushProperty name="height" value="0.35" units="cm"/>
      <inkml:brushProperty name="color" value="#FFFFFF"/>
    </inkml:brush>
  </inkml:definitions>
  <inkml:trace contextRef="#ctx0" brushRef="#br0">6976 10355 16383 0 0,'0'0'0'0'0,"2"-2"0"0"0,0-2 0 0 0,-1-5 0 0 0,0-3 0 0 0,-2-3 0 0 0,-10 1 0 0 0,-12 2 0 0 0,-12 4 0 0 0,-9 2 0 0 0,-3 4 0 0 0,3 3 0 0 0,3 6 0 0 0,8 7 0 0 0,7 6 0 0 0,7 3 0 0 0,6 2 0 0 0,5-1 0 0 0,4-1 0 0 0,2-4 0 0 0,3-4 0 0 0,0-3 0 0 0,1-2 0 0 0,3-2 0 0 0,4-1 0 0 0,3-2 0 0 0,3-1 0 0 0,3-1 0 0 0,4-1 0 0 0,5-3 0 0 0,6-4 0 0 0,2-6 0 0 0,1-5 0 0 0,-1-3 0 0 0,-3-2 0 0 0,-3 1 0 0 0,-3 2 0 0 0,-6 4 0 0 0,-4 4 0 0 0,-6 3 0 0 0,-2 4 0 0 0,-3 1 0 0 0,1 2 0 0 0,1 0 0 0 0,1 1 0 0 0,1 1 0 0 0,0 2 0 0 0,0 2 0 0 0,0 3 0 0 0,-1 3 0 0 0,-1 2 0 0 0,-2 2 0 0 0,-1 3 0 0 0,-2-1 0 0 0,-1-5 0 0 0,-1-8 0 0 0,0-9 0 0 0,0-7 0 0 0,-1-3 0 0 0,1-2 0 0 0,0 1 0 0 0,0 0 0 0 0,0 0 0 0 0,0 1 0 0 0,0 1 0 0 0,0 0 0 0 0,0 1 0 0 0,0 0 0 0 0,0 1 0 0 0,0 1 0 0 0,0 1 0 0 0,0 2 0 0 0,0 2 0 0 0,0 0 0 0 0,2 1 0 0 0,0 0 0 0 0,1 2 0 0 0,1 0 0 0 0,0 2 0 0 0,0-1 0 0 0,0 1 0 0 0,0 1 0 0 0,-1 2 0 0 0,-2 4 0 0 0,-3 5 0 0 0,-3 4 0 0 0,-4 3 0 0 0,-1 2 0 0 0,-1-1 0 0 0,-1-2 0 0 0,1-2 0 0 0,0 0 0 0 0,0 0 0 0 0,-1 0 0 0 0,0-1 0 0 0,1 1 0 0 0,0 0 0 0 0,2 1 0 0 0,2-1 0 0 0,2-3 0 0 0,1-1 0 0 0,3-4 0 0 0,0-1 0 0 0,1-2 0 0 0,0 0 0 0 0,0 0 0 0 0,1 2 0 0 0,2 1 0 0 0,1 1 0 0 0,0 0 0 0 0,2 0 0 0 0,-1-2 0 0 0,1-2 0 0 0,-1-2 0 0 0,0-1 0 0 0,-1-2 0 0 0</inkml:trace>
</inkml:ink>
</file>

<file path=ppt/ink/ink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6T12:25:43.055"/>
    </inkml:context>
    <inkml:brush xml:id="br0">
      <inkml:brushProperty name="width" value="0.35" units="cm"/>
      <inkml:brushProperty name="height" value="0.35" units="cm"/>
      <inkml:brushProperty name="color" value="#FFFFFF"/>
    </inkml:brush>
  </inkml:definitions>
  <inkml:trace contextRef="#ctx0" brushRef="#br0">15703 7660 16383 0 0,'-1'0'0'0'0,"0"0"0"0"0</inkml:trace>
</inkml:ink>
</file>

<file path=ppt/ink/ink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6T12:25:43.057"/>
    </inkml:context>
    <inkml:brush xml:id="br0">
      <inkml:brushProperty name="width" value="0.35" units="cm"/>
      <inkml:brushProperty name="height" value="0.35" units="cm"/>
      <inkml:brushProperty name="color" value="#FFFFFF"/>
    </inkml:brush>
  </inkml:definitions>
  <inkml:trace contextRef="#ctx0" brushRef="#br0">15329 12862 16383 0 0,'0'0'0'0'0,"-2"-1"0"0"0,-1-3 0 0 0,-2-6 0 0 0,-2-7 0 0 0,-2-5 0 0 0,-2-8 0 0 0,-4-4 0 0 0,-2-1 0 0 0,-2 5 0 0 0,2 8 0 0 0,1 17 0 0 0,4 28 0 0 0,0 30 0 0 0,3 26 0 0 0,2 13 0 0 0,2-1 0 0 0,2-10 0 0 0,2-16 0 0 0,1-18 0 0 0,3-18 0 0 0,4-13 0 0 0,5-14 0 0 0,4-13 0 0 0,4-17 0 0 0,2-16 0 0 0,-1-16 0 0 0,-5-10 0 0 0,-4-7 0 0 0,-4 3 0 0 0,-5 9 0 0 0,-4 12 0 0 0,-5 16 0 0 0,-6 14 0 0 0,-3 10 0 0 0,0 13 0 0 0,0 15 0 0 0,2 15 0 0 0,3 13 0 0 0,3 9 0 0 0,5 3 0 0 0,11-3 0 0 0,14-6 0 0 0,11-10 0 0 0,6-12 0 0 0,4-10 0 0 0,-1-12 0 0 0,-1-17 0 0 0,-3-18 0 0 0,-2-16 0 0 0,-4-9 0 0 0,-5-2 0 0 0,-7 6 0 0 0,-7 10 0 0 0,-6 10 0 0 0,-4 13 0 0 0,-4 12 0 0 0,0 14 0 0 0,-2 14 0 0 0,-3 15 0 0 0,-2 12 0 0 0,-2 9 0 0 0,-1 2 0 0 0,2-2 0 0 0,2-7 0 0 0,2-7 0 0 0,1-7 0 0 0,2-6 0 0 0,1-5 0 0 0,0-6 0 0 0,0-3 0 0 0,1-4 0 0 0,-2-4 0 0 0,-4-2 0 0 0,-4-3 0 0 0,-7-1 0 0 0,-9-2 0 0 0,-10-5 0 0 0,-10-4 0 0 0,-5-5 0 0 0,-2 0 0 0 0,4 2 0 0 0,6 4 0 0 0,6 3 0 0 0,9 3 0 0 0,9 2 0 0 0,6 1 0 0 0</inkml:trace>
</inkml:ink>
</file>

<file path=ppt/ink/ink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6T10:47:45.158"/>
    </inkml:context>
    <inkml:brush xml:id="br0">
      <inkml:brushProperty name="width" value="0.35" units="cm"/>
      <inkml:brushProperty name="height" value="0.35" units="cm"/>
      <inkml:brushProperty name="color" value="#FFFFFF"/>
    </inkml:brush>
  </inkml:definitions>
  <inkml:trace contextRef="#ctx0" brushRef="#br0">6976 10355 16383 0 0,'0'0'0'0'0,"2"-2"0"0"0,0-2 0 0 0,-1-5 0 0 0,0-3 0 0 0,-2-3 0 0 0,-10 1 0 0 0,-12 2 0 0 0,-12 4 0 0 0,-9 2 0 0 0,-3 4 0 0 0,3 3 0 0 0,3 6 0 0 0,8 7 0 0 0,7 6 0 0 0,7 3 0 0 0,6 2 0 0 0,5-1 0 0 0,4-1 0 0 0,2-4 0 0 0,3-4 0 0 0,0-3 0 0 0,1-2 0 0 0,3-2 0 0 0,4-1 0 0 0,3-2 0 0 0,3-1 0 0 0,3-1 0 0 0,4-1 0 0 0,5-3 0 0 0,6-4 0 0 0,2-6 0 0 0,1-5 0 0 0,-1-3 0 0 0,-3-2 0 0 0,-3 1 0 0 0,-3 2 0 0 0,-6 4 0 0 0,-4 4 0 0 0,-6 3 0 0 0,-2 4 0 0 0,-3 1 0 0 0,1 2 0 0 0,1 0 0 0 0,1 1 0 0 0,1 1 0 0 0,0 2 0 0 0,0 2 0 0 0,0 3 0 0 0,-1 3 0 0 0,-1 2 0 0 0,-2 2 0 0 0,-1 3 0 0 0,-2-1 0 0 0,-1-5 0 0 0,-1-8 0 0 0,0-9 0 0 0,0-7 0 0 0,-1-3 0 0 0,1-2 0 0 0,0 1 0 0 0,0 0 0 0 0,0 0 0 0 0,0 1 0 0 0,0 1 0 0 0,0 0 0 0 0,0 1 0 0 0,0 0 0 0 0,0 1 0 0 0,0 1 0 0 0,0 1 0 0 0,0 2 0 0 0,0 2 0 0 0,0 0 0 0 0,2 1 0 0 0,0 0 0 0 0,1 2 0 0 0,1 0 0 0 0,0 2 0 0 0,0-1 0 0 0,0 1 0 0 0,0 1 0 0 0,-1 2 0 0 0,-2 4 0 0 0,-3 5 0 0 0,-3 4 0 0 0,-4 3 0 0 0,-1 2 0 0 0,-1-1 0 0 0,-1-2 0 0 0,1-2 0 0 0,0 0 0 0 0,0 0 0 0 0,-1 0 0 0 0,0-1 0 0 0,1 1 0 0 0,0 0 0 0 0,2 1 0 0 0,2-1 0 0 0,2-3 0 0 0,1-1 0 0 0,3-4 0 0 0,0-1 0 0 0,1-2 0 0 0,0 0 0 0 0,0 0 0 0 0,1 2 0 0 0,2 1 0 0 0,1 1 0 0 0,0 0 0 0 0,2 0 0 0 0,-1-2 0 0 0,1-2 0 0 0,-1-2 0 0 0,0-1 0 0 0,-1-2 0 0 0</inkml:trace>
</inkml:ink>
</file>

<file path=ppt/ink/ink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6T12:25:43.055"/>
    </inkml:context>
    <inkml:brush xml:id="br0">
      <inkml:brushProperty name="width" value="0.35" units="cm"/>
      <inkml:brushProperty name="height" value="0.35" units="cm"/>
      <inkml:brushProperty name="color" value="#FFFFFF"/>
    </inkml:brush>
  </inkml:definitions>
  <inkml:trace contextRef="#ctx0" brushRef="#br0">15703 7660 16383 0 0,'-1'0'0'0'0,"0"0"0"0"0</inkml:trace>
</inkml:ink>
</file>

<file path=ppt/ink/ink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6T12:25:43.056"/>
    </inkml:context>
    <inkml:brush xml:id="br0">
      <inkml:brushProperty name="width" value="0.35" units="cm"/>
      <inkml:brushProperty name="height" value="0.35" units="cm"/>
      <inkml:brushProperty name="color" value="#FFFFFF"/>
    </inkml:brush>
  </inkml:definitions>
  <inkml:trace contextRef="#ctx0" brushRef="#br0">15820 7731 16383 0 0,'0'-1'0'0'0,"0"-3"0"0"0,0-5 0 0 0,0-3 0 0 0,0-4 0 0 0,0-1 0 0 0,0-1 0 0 0,-2 1 0 0 0,0 2 0 0 0,0 1 0 0 0,-1 0 0 0 0,-1-2 0 0 0,-3-3 0 0 0,0-3 0 0 0,0 3 0 0 0,0 4 0 0 0,1 4 0 0 0,-1 5 0 0 0,-1 2 0 0 0,-3 3 0 0 0,-5 3 0 0 0,-8 5 0 0 0,-8 6 0 0 0,-6 4 0 0 0,-2 3 0 0 0,0 2 0 0 0,5 0 0 0 0,6-3 0 0 0,7-3 0 0 0,8 0 0 0 0,6-1 0 0 0,4 3 0 0 0,3 5 0 0 0,2 6 0 0 0,0 5 0 0 0,1 2 0 0 0,-1-2 0 0 0,2-3 0 0 0,3-6 0 0 0,3-7 0 0 0,2-5 0 0 0,2-5 0 0 0,1-4 0 0 0,2-3 0 0 0,0-3 0 0 0,2-4 0 0 0,1-5 0 0 0,2-6 0 0 0,0-6 0 0 0,1-3 0 0 0,0-2 0 0 0,-3 1 0 0 0,-4 4 0 0 0,-4 4 0 0 0,-4 5 0 0 0,-3 3 0 0 0,-2 2 0 0 0,-2 2 0 0 0,-1 0 0 0 0,-4-1 0 0 0,-4-1 0 0 0,-3 0 0 0 0,-4 0 0 0 0,-1 2 0 0 0,0 1 0 0 0,-2 3 0 0 0,0 0 0 0 0,0 3 0 0 0,0-1 0 0 0,1-1 0 0 0,1 0 0 0 0,3 1 0 0 0,3-1 0 0 0</inkml:trace>
</inkml:ink>
</file>

<file path=ppt/ink/ink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6T12:25:43.057"/>
    </inkml:context>
    <inkml:brush xml:id="br0">
      <inkml:brushProperty name="width" value="0.35" units="cm"/>
      <inkml:brushProperty name="height" value="0.35" units="cm"/>
      <inkml:brushProperty name="color" value="#FFFFFF"/>
    </inkml:brush>
  </inkml:definitions>
  <inkml:trace contextRef="#ctx0" brushRef="#br0">15329 12862 16383 0 0,'0'0'0'0'0,"-2"-1"0"0"0,-1-3 0 0 0,-2-6 0 0 0,-2-7 0 0 0,-2-5 0 0 0,-2-8 0 0 0,-4-4 0 0 0,-2-1 0 0 0,-2 5 0 0 0,2 8 0 0 0,1 17 0 0 0,4 28 0 0 0,0 30 0 0 0,3 26 0 0 0,2 13 0 0 0,2-1 0 0 0,2-10 0 0 0,2-16 0 0 0,1-18 0 0 0,3-18 0 0 0,4-13 0 0 0,5-14 0 0 0,4-13 0 0 0,4-17 0 0 0,2-16 0 0 0,-1-16 0 0 0,-5-10 0 0 0,-4-7 0 0 0,-4 3 0 0 0,-5 9 0 0 0,-4 12 0 0 0,-5 16 0 0 0,-6 14 0 0 0,-3 10 0 0 0,0 13 0 0 0,0 15 0 0 0,2 15 0 0 0,3 13 0 0 0,3 9 0 0 0,5 3 0 0 0,11-3 0 0 0,14-6 0 0 0,11-10 0 0 0,6-12 0 0 0,4-10 0 0 0,-1-12 0 0 0,-1-17 0 0 0,-3-18 0 0 0,-2-16 0 0 0,-4-9 0 0 0,-5-2 0 0 0,-7 6 0 0 0,-7 10 0 0 0,-6 10 0 0 0,-4 13 0 0 0,-4 12 0 0 0,0 14 0 0 0,-2 14 0 0 0,-3 15 0 0 0,-2 12 0 0 0,-2 9 0 0 0,-1 2 0 0 0,2-2 0 0 0,2-7 0 0 0,2-7 0 0 0,1-7 0 0 0,2-6 0 0 0,1-5 0 0 0,0-6 0 0 0,0-3 0 0 0,1-4 0 0 0,-2-4 0 0 0,-4-2 0 0 0,-4-3 0 0 0,-7-1 0 0 0,-9-2 0 0 0,-10-5 0 0 0,-10-4 0 0 0,-5-5 0 0 0,-2 0 0 0 0,4 2 0 0 0,6 4 0 0 0,6 3 0 0 0,9 3 0 0 0,9 2 0 0 0,6 1 0 0 0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</a:t>
            </a:r>
            <a:r>
              <a:rPr lang="da-DK" err="1"/>
              <a:t>styles</a:t>
            </a:r>
            <a:endParaRPr lang="da-DK"/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sciencedirect.com/topics/engineering/cell-voltage" TargetMode="External"/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tshållare för bildobjekt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tshållare för anteckninga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>
                <a:latin typeface="Calibri"/>
                <a:ea typeface="ＭＳ Ｐゴシック"/>
                <a:cs typeface="Calibri"/>
              </a:rPr>
              <a:t>ARS: two-electrode response </a:t>
            </a:r>
            <a:endParaRPr lang="en-US">
              <a:latin typeface="Calibri"/>
              <a:cs typeface="Calibri"/>
            </a:endParaRPr>
          </a:p>
        </p:txBody>
      </p:sp>
      <p:sp>
        <p:nvSpPr>
          <p:cNvPr id="4" name="Platshållare för bild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82942627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13691532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it-IT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6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87351132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it-IT"/>
              <a:t>CE= </a:t>
            </a:r>
            <a:r>
              <a:rPr lang="it-IT" err="1"/>
              <a:t>how</a:t>
            </a:r>
            <a:r>
              <a:rPr lang="it-IT"/>
              <a:t> </a:t>
            </a:r>
            <a:r>
              <a:rPr lang="it-IT" err="1"/>
              <a:t>much</a:t>
            </a:r>
            <a:r>
              <a:rPr lang="it-IT"/>
              <a:t> </a:t>
            </a:r>
            <a:r>
              <a:rPr lang="it-IT" err="1"/>
              <a:t>charge</a:t>
            </a:r>
            <a:r>
              <a:rPr lang="it-IT"/>
              <a:t> </a:t>
            </a:r>
            <a:r>
              <a:rPr lang="it-IT" err="1"/>
              <a:t>is</a:t>
            </a:r>
            <a:r>
              <a:rPr lang="it-IT"/>
              <a:t> in the </a:t>
            </a:r>
            <a:r>
              <a:rPr lang="it-IT" err="1"/>
              <a:t>battery</a:t>
            </a:r>
            <a:r>
              <a:rPr lang="it-IT"/>
              <a:t> versus </a:t>
            </a:r>
            <a:r>
              <a:rPr lang="it-IT" err="1"/>
              <a:t>how</a:t>
            </a:r>
            <a:r>
              <a:rPr lang="it-IT"/>
              <a:t> </a:t>
            </a:r>
            <a:r>
              <a:rPr lang="it-IT" err="1"/>
              <a:t>much</a:t>
            </a:r>
            <a:r>
              <a:rPr lang="it-IT"/>
              <a:t> </a:t>
            </a:r>
            <a:r>
              <a:rPr lang="it-IT" err="1"/>
              <a:t>charge</a:t>
            </a:r>
            <a:r>
              <a:rPr lang="it-IT"/>
              <a:t> do </a:t>
            </a:r>
            <a:r>
              <a:rPr lang="it-IT" err="1"/>
              <a:t>we</a:t>
            </a:r>
            <a:r>
              <a:rPr lang="it-IT"/>
              <a:t> </a:t>
            </a:r>
            <a:r>
              <a:rPr lang="it-IT" err="1"/>
              <a:t>actually</a:t>
            </a:r>
            <a:r>
              <a:rPr lang="it-IT"/>
              <a:t> put in</a:t>
            </a:r>
          </a:p>
          <a:p>
            <a:r>
              <a:rPr lang="it-IT"/>
              <a:t>VE= </a:t>
            </a:r>
            <a:r>
              <a:rPr lang="en-GB" b="0" i="0">
                <a:solidFill>
                  <a:srgbClr val="2E2E2E"/>
                </a:solidFill>
                <a:effectLst/>
                <a:latin typeface="NexusSans"/>
              </a:rPr>
              <a:t>Voltage efficiency measures the effects of cell polarisation or </a:t>
            </a:r>
            <a:r>
              <a:rPr lang="en-GB" b="0" i="0">
                <a:solidFill>
                  <a:srgbClr val="2E2E2E"/>
                </a:solidFill>
                <a:effectLst/>
                <a:latin typeface="NexusSans"/>
                <a:hlinkClick r:id="rId3" tooltip="Learn more about cell voltage from ScienceDirect's AI-generated Topic Pages"/>
              </a:rPr>
              <a:t>cell voltage</a:t>
            </a:r>
            <a:r>
              <a:rPr lang="en-GB" b="0" i="0">
                <a:solidFill>
                  <a:srgbClr val="2E2E2E"/>
                </a:solidFill>
                <a:effectLst/>
                <a:latin typeface="NexusSans"/>
              </a:rPr>
              <a:t> losses.</a:t>
            </a:r>
            <a:endParaRPr lang="it-IT" b="0" i="0">
              <a:solidFill>
                <a:srgbClr val="2E2E2E"/>
              </a:solidFill>
              <a:effectLst/>
              <a:latin typeface="NexusSans"/>
            </a:endParaRPr>
          </a:p>
          <a:p>
            <a:r>
              <a:rPr lang="it-IT" b="0" i="0">
                <a:solidFill>
                  <a:srgbClr val="2E2E2E"/>
                </a:solidFill>
                <a:effectLst/>
                <a:latin typeface="NexusSans"/>
              </a:rPr>
              <a:t>EE= energy output with </a:t>
            </a:r>
            <a:r>
              <a:rPr lang="it-IT" b="0" i="0" err="1">
                <a:solidFill>
                  <a:srgbClr val="2E2E2E"/>
                </a:solidFill>
                <a:effectLst/>
                <a:latin typeface="NexusSans"/>
              </a:rPr>
              <a:t>respect</a:t>
            </a:r>
            <a:r>
              <a:rPr lang="it-IT" b="0" i="0">
                <a:solidFill>
                  <a:srgbClr val="2E2E2E"/>
                </a:solidFill>
                <a:effectLst/>
                <a:latin typeface="NexusSans"/>
              </a:rPr>
              <a:t> to </a:t>
            </a:r>
            <a:r>
              <a:rPr lang="it-IT" b="0" i="0" err="1">
                <a:solidFill>
                  <a:srgbClr val="2E2E2E"/>
                </a:solidFill>
                <a:effectLst/>
                <a:latin typeface="NexusSans"/>
              </a:rPr>
              <a:t>our</a:t>
            </a:r>
            <a:r>
              <a:rPr lang="it-IT" b="0" i="0">
                <a:solidFill>
                  <a:srgbClr val="2E2E2E"/>
                </a:solidFill>
                <a:effectLst/>
                <a:latin typeface="NexusSans"/>
              </a:rPr>
              <a:t> input</a:t>
            </a:r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7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59353342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8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2175004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285750" indent="-285750">
              <a:spcBef>
                <a:spcPts val="432"/>
              </a:spcBef>
              <a:buFont typeface="Arial,Sans-Serif"/>
              <a:buChar char="•"/>
            </a:pPr>
            <a:r>
              <a:rPr lang="en-US"/>
              <a:t>Using the maximum solubility of ARS 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0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9602106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113676" name="text" descr="{&quot;templafy&quot;:{&quot;id&quot;:&quot;d83eb329-6f3f-4e84-875b-22890cbe52b3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chemeClr val="bg1"/>
                </a:solidFill>
                <a:latin typeface="+mn-lt"/>
              </a:rPr>
              <a:t>DTU Sustain</a:t>
            </a:r>
          </a:p>
        </p:txBody>
      </p:sp>
      <p:sp>
        <p:nvSpPr>
          <p:cNvPr id="5" name="date" descr="{&quot;templafy&quot;:{&quot;id&quot;:&quot;1167196c-97e0-471a-8609-9a271d794e0e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2 October 2022</a:t>
            </a:r>
          </a:p>
        </p:txBody>
      </p:sp>
      <p:sp>
        <p:nvSpPr>
          <p:cNvPr id="7" name="text" descr="{&quot;templafy&quot;:{&quot;id&quot;:&quot;93183b9a-a0f4-4d9a-800c-5911d85eba2f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customXml" Target="../ink/ink19.xml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4.png"/><Relationship Id="rId5" Type="http://schemas.openxmlformats.org/officeDocument/2006/relationships/customXml" Target="../ink/ink20.xml"/><Relationship Id="rId4" Type="http://schemas.openxmlformats.org/officeDocument/2006/relationships/image" Target="../media/image9.png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4.png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3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6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7" Type="http://schemas.openxmlformats.org/officeDocument/2006/relationships/image" Target="../media/image10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Relationship Id="rId6" Type="http://schemas.openxmlformats.org/officeDocument/2006/relationships/customXml" Target="../ink/ink2.xml"/><Relationship Id="rId5" Type="http://schemas.openxmlformats.org/officeDocument/2006/relationships/image" Target="../media/image9.png"/><Relationship Id="rId4" Type="http://schemas.openxmlformats.org/officeDocument/2006/relationships/customXml" Target="../ink/ink1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customXml" Target="../ink/ink3.xml"/><Relationship Id="rId7" Type="http://schemas.openxmlformats.org/officeDocument/2006/relationships/customXml" Target="../ink/ink4.xml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2.png"/><Relationship Id="rId5" Type="http://schemas.openxmlformats.org/officeDocument/2006/relationships/image" Target="../media/image11.png"/><Relationship Id="rId10" Type="http://schemas.openxmlformats.org/officeDocument/2006/relationships/image" Target="../media/image14.png"/><Relationship Id="rId4" Type="http://schemas.openxmlformats.org/officeDocument/2006/relationships/image" Target="../media/image9.png"/><Relationship Id="rId9" Type="http://schemas.openxmlformats.org/officeDocument/2006/relationships/customXml" Target="../ink/ink5.xml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13" Type="http://schemas.openxmlformats.org/officeDocument/2006/relationships/image" Target="../media/image18.png"/><Relationship Id="rId3" Type="http://schemas.openxmlformats.org/officeDocument/2006/relationships/customXml" Target="../ink/ink6.xml"/><Relationship Id="rId7" Type="http://schemas.openxmlformats.org/officeDocument/2006/relationships/customXml" Target="../ink/ink7.xml"/><Relationship Id="rId12" Type="http://schemas.openxmlformats.org/officeDocument/2006/relationships/image" Target="../media/image14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6.png"/><Relationship Id="rId11" Type="http://schemas.openxmlformats.org/officeDocument/2006/relationships/customXml" Target="../ink/ink9.xml"/><Relationship Id="rId5" Type="http://schemas.openxmlformats.org/officeDocument/2006/relationships/image" Target="../media/image15.png"/><Relationship Id="rId10" Type="http://schemas.openxmlformats.org/officeDocument/2006/relationships/image" Target="../media/image17.png"/><Relationship Id="rId4" Type="http://schemas.openxmlformats.org/officeDocument/2006/relationships/image" Target="../media/image9.png"/><Relationship Id="rId9" Type="http://schemas.openxmlformats.org/officeDocument/2006/relationships/customXml" Target="../ink/ink8.xml"/><Relationship Id="rId14" Type="http://schemas.openxmlformats.org/officeDocument/2006/relationships/image" Target="../media/image19.png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png"/><Relationship Id="rId13" Type="http://schemas.openxmlformats.org/officeDocument/2006/relationships/image" Target="../media/image22.png"/><Relationship Id="rId3" Type="http://schemas.openxmlformats.org/officeDocument/2006/relationships/customXml" Target="../ink/ink10.xml"/><Relationship Id="rId7" Type="http://schemas.openxmlformats.org/officeDocument/2006/relationships/customXml" Target="../ink/ink12.xml"/><Relationship Id="rId12" Type="http://schemas.openxmlformats.org/officeDocument/2006/relationships/image" Target="../media/image21.png"/><Relationship Id="rId17" Type="http://schemas.openxmlformats.org/officeDocument/2006/relationships/image" Target="../media/image24.png"/><Relationship Id="rId2" Type="http://schemas.openxmlformats.org/officeDocument/2006/relationships/notesSlide" Target="../notesSlides/notesSlide5.xml"/><Relationship Id="rId16" Type="http://schemas.openxmlformats.org/officeDocument/2006/relationships/customXml" Target="../ink/ink15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3.png"/><Relationship Id="rId11" Type="http://schemas.openxmlformats.org/officeDocument/2006/relationships/image" Target="../media/image20.png"/><Relationship Id="rId5" Type="http://schemas.openxmlformats.org/officeDocument/2006/relationships/customXml" Target="../ink/ink11.xml"/><Relationship Id="rId15" Type="http://schemas.openxmlformats.org/officeDocument/2006/relationships/image" Target="../media/image23.png"/><Relationship Id="rId10" Type="http://schemas.openxmlformats.org/officeDocument/2006/relationships/image" Target="../media/image14.png"/><Relationship Id="rId4" Type="http://schemas.openxmlformats.org/officeDocument/2006/relationships/image" Target="../media/image9.png"/><Relationship Id="rId9" Type="http://schemas.openxmlformats.org/officeDocument/2006/relationships/customXml" Target="../ink/ink13.xml"/><Relationship Id="rId14" Type="http://schemas.openxmlformats.org/officeDocument/2006/relationships/customXml" Target="../ink/ink14.xml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29.png"/><Relationship Id="rId13" Type="http://schemas.openxmlformats.org/officeDocument/2006/relationships/image" Target="../media/image33.png"/><Relationship Id="rId3" Type="http://schemas.openxmlformats.org/officeDocument/2006/relationships/image" Target="../media/image26.png"/><Relationship Id="rId7" Type="http://schemas.openxmlformats.org/officeDocument/2006/relationships/customXml" Target="../ink/ink17.xml"/><Relationship Id="rId12" Type="http://schemas.openxmlformats.org/officeDocument/2006/relationships/image" Target="../media/image32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28.png"/><Relationship Id="rId11" Type="http://schemas.openxmlformats.org/officeDocument/2006/relationships/image" Target="../media/image31.png"/><Relationship Id="rId5" Type="http://schemas.openxmlformats.org/officeDocument/2006/relationships/customXml" Target="../ink/ink16.xml"/><Relationship Id="rId10" Type="http://schemas.openxmlformats.org/officeDocument/2006/relationships/image" Target="../media/image30.png"/><Relationship Id="rId4" Type="http://schemas.openxmlformats.org/officeDocument/2006/relationships/image" Target="../media/image27.png"/><Relationship Id="rId9" Type="http://schemas.openxmlformats.org/officeDocument/2006/relationships/customXml" Target="../ink/ink18.xml"/><Relationship Id="rId14" Type="http://schemas.openxmlformats.org/officeDocument/2006/relationships/image" Target="../media/image34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DB5006-1173-97E8-43B5-5235D6F6BA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7072" y="2255813"/>
            <a:ext cx="10840028" cy="1173187"/>
          </a:xfrm>
        </p:spPr>
        <p:txBody>
          <a:bodyPr/>
          <a:lstStyle/>
          <a:p>
            <a:r>
              <a:rPr lang="en-GB" sz="6000" b="0">
                <a:effectLst/>
                <a:latin typeface="Arial" panose="020B0604020202020204" pitchFamily="34" charset="0"/>
              </a:rPr>
              <a:t>Organic Redox (Flow) Battery</a:t>
            </a:r>
            <a:endParaRPr lang="en-GB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9C49C08-8DE7-69EE-C40C-39BCDE11168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47072" y="3171590"/>
            <a:ext cx="10840028" cy="1660654"/>
          </a:xfrm>
        </p:spPr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5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2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Nikolas Vitaliti s223455</a:t>
            </a:r>
          </a:p>
          <a:p>
            <a:pPr marL="0" marR="0" lvl="0" indent="0" algn="l" defTabSz="914400" rtl="0" eaLnBrk="1" fontAlgn="base" latinLnBrk="0" hangingPunct="1">
              <a:lnSpc>
                <a:spcPct val="15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D9012EA-8222-C771-D854-B0D0887B460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2525232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ktangel: rundade hörn 4">
            <a:extLst>
              <a:ext uri="{FF2B5EF4-FFF2-40B4-BE49-F238E27FC236}">
                <a16:creationId xmlns:a16="http://schemas.microsoft.com/office/drawing/2014/main" id="{620D62F0-9698-9616-E382-29FCFC1784A8}"/>
              </a:ext>
            </a:extLst>
          </p:cNvPr>
          <p:cNvSpPr/>
          <p:nvPr/>
        </p:nvSpPr>
        <p:spPr bwMode="auto">
          <a:xfrm>
            <a:off x="1277978" y="593266"/>
            <a:ext cx="5331216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Rektangel: rundade hörn 8">
            <a:extLst>
              <a:ext uri="{FF2B5EF4-FFF2-40B4-BE49-F238E27FC236}">
                <a16:creationId xmlns:a16="http://schemas.microsoft.com/office/drawing/2014/main" id="{4F3445EE-C138-B67A-CE17-CDB41340588F}"/>
              </a:ext>
            </a:extLst>
          </p:cNvPr>
          <p:cNvSpPr/>
          <p:nvPr/>
        </p:nvSpPr>
        <p:spPr bwMode="auto">
          <a:xfrm>
            <a:off x="1277978" y="593266"/>
            <a:ext cx="4876915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0236EE1E-3E88-8E11-F892-74376DB8C17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21381" y="198999"/>
            <a:ext cx="9665719" cy="972716"/>
          </a:xfrm>
        </p:spPr>
        <p:txBody>
          <a:bodyPr/>
          <a:lstStyle/>
          <a:p>
            <a:r>
              <a:rPr lang="en-SE">
                <a:solidFill>
                  <a:schemeClr val="bg1"/>
                </a:solidFill>
              </a:rPr>
              <a:t>Conclusion</a:t>
            </a:r>
            <a:r>
              <a:rPr lang="it-IT">
                <a:solidFill>
                  <a:schemeClr val="bg1"/>
                </a:solidFill>
              </a:rPr>
              <a:t>s</a:t>
            </a:r>
            <a:endParaRPr lang="en-SE">
              <a:solidFill>
                <a:schemeClr val="bg1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92FEE4B-BB6D-8803-A1AD-444BDAA5CF9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/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3">
            <p14:nvContentPartPr>
              <p14:cNvPr id="15" name="Pennanteckning 14">
                <a:extLst>
                  <a:ext uri="{FF2B5EF4-FFF2-40B4-BE49-F238E27FC236}">
                    <a16:creationId xmlns:a16="http://schemas.microsoft.com/office/drawing/2014/main" id="{0EA3CF76-C092-8905-62FA-468100DD4FB9}"/>
                  </a:ext>
                </a:extLst>
              </p14:cNvPr>
              <p14:cNvContentPartPr/>
              <p14:nvPr/>
            </p14:nvContentPartPr>
            <p14:xfrm>
              <a:off x="978008" y="3648200"/>
              <a:ext cx="183670" cy="135038"/>
            </p14:xfrm>
          </p:contentPart>
        </mc:Choice>
        <mc:Fallback xmlns="">
          <p:pic>
            <p:nvPicPr>
              <p:cNvPr id="15" name="Pennanteckning 14">
                <a:extLst>
                  <a:ext uri="{FF2B5EF4-FFF2-40B4-BE49-F238E27FC236}">
                    <a16:creationId xmlns:a16="http://schemas.microsoft.com/office/drawing/2014/main" id="{0EA3CF76-C092-8905-62FA-468100DD4FB9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915230" y="3585350"/>
                <a:ext cx="308867" cy="260379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">
            <p14:nvContentPartPr>
              <p14:cNvPr id="27" name="Pennanteckning 26">
                <a:extLst>
                  <a:ext uri="{FF2B5EF4-FFF2-40B4-BE49-F238E27FC236}">
                    <a16:creationId xmlns:a16="http://schemas.microsoft.com/office/drawing/2014/main" id="{A82C6F91-773A-3253-D22B-08FD0E52F7AE}"/>
                  </a:ext>
                </a:extLst>
              </p14:cNvPr>
              <p14:cNvContentPartPr/>
              <p14:nvPr/>
            </p14:nvContentPartPr>
            <p14:xfrm>
              <a:off x="8059690" y="6071949"/>
              <a:ext cx="171210" cy="208084"/>
            </p14:xfrm>
          </p:contentPart>
        </mc:Choice>
        <mc:Fallback xmlns="">
          <p:pic>
            <p:nvPicPr>
              <p:cNvPr id="27" name="Pennanteckning 26">
                <a:extLst>
                  <a:ext uri="{FF2B5EF4-FFF2-40B4-BE49-F238E27FC236}">
                    <a16:creationId xmlns:a16="http://schemas.microsoft.com/office/drawing/2014/main" id="{A82C6F91-773A-3253-D22B-08FD0E52F7AE}"/>
                  </a:ext>
                </a:extLst>
              </p:cNvPr>
              <p:cNvPicPr/>
              <p:nvPr/>
            </p:nvPicPr>
            <p:blipFill>
              <a:blip r:embed="rId6"/>
              <a:stretch>
                <a:fillRect/>
              </a:stretch>
            </p:blipFill>
            <p:spPr>
              <a:xfrm>
                <a:off x="7996745" y="6009057"/>
                <a:ext cx="296740" cy="333509"/>
              </a:xfrm>
              <a:prstGeom prst="rect">
                <a:avLst/>
              </a:prstGeom>
            </p:spPr>
          </p:pic>
        </mc:Fallback>
      </mc:AlternateContent>
      <p:sp>
        <p:nvSpPr>
          <p:cNvPr id="2" name="TextBox 1">
            <a:extLst>
              <a:ext uri="{FF2B5EF4-FFF2-40B4-BE49-F238E27FC236}">
                <a16:creationId xmlns:a16="http://schemas.microsoft.com/office/drawing/2014/main" id="{BE5E7107-05AC-4FC1-2B80-7AFF3A52AAAD}"/>
              </a:ext>
            </a:extLst>
          </p:cNvPr>
          <p:cNvSpPr txBox="1"/>
          <p:nvPr/>
        </p:nvSpPr>
        <p:spPr>
          <a:xfrm>
            <a:off x="1277978" y="1917290"/>
            <a:ext cx="10660976" cy="4770537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285750" indent="-285750">
              <a:spcBef>
                <a:spcPts val="432"/>
              </a:spcBef>
              <a:buFont typeface="Arial"/>
              <a:buChar char="•"/>
            </a:pPr>
            <a:r>
              <a:rPr lang="en-US">
                <a:latin typeface="Arial"/>
                <a:ea typeface="ＭＳ Ｐゴシック"/>
                <a:cs typeface="Arial"/>
              </a:rPr>
              <a:t>Redox potentials estimate to be 0.26 V for Ferrocyanide and –0.92 V for ARS</a:t>
            </a:r>
            <a:endParaRPr lang="en-US">
              <a:latin typeface="Arial"/>
              <a:cs typeface="Arial"/>
            </a:endParaRPr>
          </a:p>
          <a:p>
            <a:pPr marL="285750" indent="-285750">
              <a:lnSpc>
                <a:spcPct val="250000"/>
              </a:lnSpc>
              <a:spcBef>
                <a:spcPts val="432"/>
              </a:spcBef>
              <a:buFont typeface="Arial"/>
              <a:buChar char="•"/>
            </a:pPr>
            <a:r>
              <a:rPr lang="en-US">
                <a:latin typeface="+mn-lt"/>
                <a:ea typeface="ＭＳ Ｐゴシック"/>
                <a:cs typeface="Arial"/>
              </a:rPr>
              <a:t>Overall good efficiencies: </a:t>
            </a:r>
            <a:r>
              <a:rPr lang="en-US" b="1">
                <a:latin typeface="+mn-lt"/>
                <a:ea typeface="ＭＳ Ｐゴシック"/>
                <a:cs typeface="Arial"/>
              </a:rPr>
              <a:t>CE=</a:t>
            </a:r>
            <a:r>
              <a:rPr lang="en-US">
                <a:latin typeface="+mn-lt"/>
                <a:ea typeface="ＭＳ Ｐゴシック"/>
                <a:cs typeface="Arial"/>
              </a:rPr>
              <a:t> 91.9% , </a:t>
            </a:r>
            <a:r>
              <a:rPr lang="en-US" b="1">
                <a:latin typeface="+mn-lt"/>
                <a:ea typeface="ＭＳ Ｐゴシック"/>
                <a:cs typeface="Arial"/>
              </a:rPr>
              <a:t>VE= </a:t>
            </a:r>
            <a:r>
              <a:rPr lang="en-US">
                <a:latin typeface="+mn-lt"/>
                <a:ea typeface="ＭＳ Ｐゴシック"/>
                <a:cs typeface="Arial"/>
              </a:rPr>
              <a:t>80.3% , </a:t>
            </a:r>
            <a:r>
              <a:rPr lang="en-US" b="1">
                <a:latin typeface="+mn-lt"/>
                <a:ea typeface="ＭＳ Ｐゴシック"/>
                <a:cs typeface="Arial"/>
              </a:rPr>
              <a:t>EE=</a:t>
            </a:r>
            <a:r>
              <a:rPr lang="en-US">
                <a:latin typeface="+mn-lt"/>
                <a:ea typeface="ＭＳ Ｐゴシック"/>
                <a:cs typeface="Arial"/>
              </a:rPr>
              <a:t> 73.8%</a:t>
            </a:r>
          </a:p>
          <a:p>
            <a:pPr marL="285750" indent="-285750">
              <a:lnSpc>
                <a:spcPct val="250000"/>
              </a:lnSpc>
              <a:spcBef>
                <a:spcPts val="432"/>
              </a:spcBef>
              <a:buFont typeface="Arial"/>
              <a:buChar char="•"/>
            </a:pPr>
            <a:r>
              <a:rPr lang="en-US">
                <a:latin typeface="+mn-lt"/>
                <a:ea typeface="ＭＳ Ｐゴシック"/>
                <a:cs typeface="Arial"/>
              </a:rPr>
              <a:t>Slower C-rates generally increase VE and therefore ultimately increase EE</a:t>
            </a:r>
          </a:p>
          <a:p>
            <a:pPr marL="285750" indent="-285750">
              <a:lnSpc>
                <a:spcPct val="250000"/>
              </a:lnSpc>
              <a:spcBef>
                <a:spcPts val="432"/>
              </a:spcBef>
              <a:buFont typeface="Arial"/>
              <a:buChar char="•"/>
            </a:pPr>
            <a:r>
              <a:rPr lang="en-US">
                <a:latin typeface="+mn-lt"/>
                <a:ea typeface="ＭＳ Ｐゴシック"/>
                <a:cs typeface="Arial"/>
              </a:rPr>
              <a:t>Polarization leads to high losses in the charging-discharging process</a:t>
            </a:r>
          </a:p>
          <a:p>
            <a:pPr marL="285750" indent="-285750">
              <a:lnSpc>
                <a:spcPct val="250000"/>
              </a:lnSpc>
              <a:spcBef>
                <a:spcPts val="432"/>
              </a:spcBef>
              <a:buFont typeface="Arial"/>
              <a:buChar char="•"/>
            </a:pPr>
            <a:r>
              <a:rPr lang="en-US">
                <a:latin typeface="+mn-lt"/>
                <a:ea typeface="ＭＳ Ｐゴシック"/>
                <a:cs typeface="Arial"/>
              </a:rPr>
              <a:t>Assuming a capacity balanced battery greatly increases energy density</a:t>
            </a:r>
          </a:p>
          <a:p>
            <a:pPr marL="285750" indent="-285750">
              <a:lnSpc>
                <a:spcPct val="250000"/>
              </a:lnSpc>
              <a:spcBef>
                <a:spcPts val="432"/>
              </a:spcBef>
              <a:buFont typeface="Arial"/>
              <a:buChar char="•"/>
            </a:pPr>
            <a:r>
              <a:rPr lang="en-US">
                <a:latin typeface="+mn-lt"/>
                <a:ea typeface="ＭＳ Ｐゴシック"/>
                <a:cs typeface="Arial"/>
              </a:rPr>
              <a:t>Even by using the maximum solubility of ARS in 1M of KOH the energy density is still low</a:t>
            </a: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endParaRPr lang="en-US">
              <a:latin typeface="+mn-lt"/>
              <a:ea typeface="ＭＳ Ｐゴシック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endParaRPr lang="en-US">
              <a:latin typeface="+mn-lt"/>
              <a:ea typeface="ＭＳ Ｐゴシック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endParaRPr lang="en-US">
              <a:latin typeface="+mn-lt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endParaRPr lang="en-US">
              <a:latin typeface="+mn-lt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4741091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762624DE-8F8C-B4CA-6B32-90F40E5D4A7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21BBC14-2537-74C1-8741-79258D0A882C}"/>
              </a:ext>
            </a:extLst>
          </p:cNvPr>
          <p:cNvSpPr txBox="1"/>
          <p:nvPr/>
        </p:nvSpPr>
        <p:spPr>
          <a:xfrm>
            <a:off x="3238500" y="2400300"/>
            <a:ext cx="7563100" cy="135421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8800" b="1">
                <a:solidFill>
                  <a:srgbClr val="C00000"/>
                </a:solidFill>
                <a:latin typeface="+mn-lt"/>
              </a:rPr>
              <a:t>Thank </a:t>
            </a:r>
            <a:r>
              <a:rPr lang="it-IT" sz="8800" b="1" err="1">
                <a:solidFill>
                  <a:srgbClr val="C00000"/>
                </a:solidFill>
                <a:latin typeface="+mn-lt"/>
              </a:rPr>
              <a:t>you</a:t>
            </a:r>
            <a:r>
              <a:rPr lang="it-IT" sz="8800" b="1">
                <a:solidFill>
                  <a:srgbClr val="C00000"/>
                </a:solidFill>
                <a:latin typeface="+mn-lt"/>
              </a:rPr>
              <a:t>!</a:t>
            </a:r>
            <a:endParaRPr lang="en-GB" sz="8800" b="1" err="1">
              <a:solidFill>
                <a:srgbClr val="C00000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89232912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: rundade hörn 10">
            <a:extLst>
              <a:ext uri="{FF2B5EF4-FFF2-40B4-BE49-F238E27FC236}">
                <a16:creationId xmlns:a16="http://schemas.microsoft.com/office/drawing/2014/main" id="{34032DD4-606F-3024-F6DC-3DC1E85E782A}"/>
              </a:ext>
            </a:extLst>
          </p:cNvPr>
          <p:cNvSpPr/>
          <p:nvPr/>
        </p:nvSpPr>
        <p:spPr bwMode="auto">
          <a:xfrm>
            <a:off x="1108080" y="476157"/>
            <a:ext cx="5331216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Rubrik 1">
            <a:extLst>
              <a:ext uri="{FF2B5EF4-FFF2-40B4-BE49-F238E27FC236}">
                <a16:creationId xmlns:a16="http://schemas.microsoft.com/office/drawing/2014/main" id="{827C0698-133C-40B5-2A3A-8115E886F7D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39019" y="105905"/>
            <a:ext cx="9312374" cy="972716"/>
          </a:xfrm>
        </p:spPr>
        <p:txBody>
          <a:bodyPr/>
          <a:lstStyle/>
          <a:p>
            <a:r>
              <a:rPr lang="sv-SE">
                <a:solidFill>
                  <a:schemeClr val="bg1"/>
                </a:solidFill>
                <a:cs typeface="Arial"/>
              </a:rPr>
              <a:t>Introduction</a:t>
            </a:r>
            <a:endParaRPr lang="sv-SE">
              <a:solidFill>
                <a:schemeClr val="bg1"/>
              </a:solidFill>
            </a:endParaRPr>
          </a:p>
        </p:txBody>
      </p:sp>
      <p:sp>
        <p:nvSpPr>
          <p:cNvPr id="4" name="Platshållare för bildnummer 3">
            <a:extLst>
              <a:ext uri="{FF2B5EF4-FFF2-40B4-BE49-F238E27FC236}">
                <a16:creationId xmlns:a16="http://schemas.microsoft.com/office/drawing/2014/main" id="{B45BB6AA-FFD6-F5A9-F3C9-ABD62A9A631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/>
          </a:p>
        </p:txBody>
      </p:sp>
      <p:pic>
        <p:nvPicPr>
          <p:cNvPr id="5" name="Bildobjekt 5">
            <a:extLst>
              <a:ext uri="{FF2B5EF4-FFF2-40B4-BE49-F238E27FC236}">
                <a16:creationId xmlns:a16="http://schemas.microsoft.com/office/drawing/2014/main" id="{E6A33F7B-0198-03B0-1A50-840FF83DF46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28219" y="1262583"/>
            <a:ext cx="5653058" cy="4440379"/>
          </a:xfrm>
          <a:prstGeom prst="rect">
            <a:avLst/>
          </a:prstGeom>
        </p:spPr>
      </p:pic>
      <p:sp>
        <p:nvSpPr>
          <p:cNvPr id="6" name="TextBox 13">
            <a:extLst>
              <a:ext uri="{FF2B5EF4-FFF2-40B4-BE49-F238E27FC236}">
                <a16:creationId xmlns:a16="http://schemas.microsoft.com/office/drawing/2014/main" id="{359C384D-3E98-E8B4-0031-9AC9E261639A}"/>
              </a:ext>
            </a:extLst>
          </p:cNvPr>
          <p:cNvSpPr txBox="1"/>
          <p:nvPr/>
        </p:nvSpPr>
        <p:spPr>
          <a:xfrm>
            <a:off x="2936484" y="5407330"/>
            <a:ext cx="3496319" cy="276999"/>
          </a:xfrm>
          <a:prstGeom prst="rect">
            <a:avLst/>
          </a:prstGeom>
          <a:noFill/>
        </p:spPr>
        <p:txBody>
          <a:bodyPr wrap="square" lIns="91440" tIns="45720" rIns="91440" bIns="45720" anchor="t">
            <a:spAutoFit/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algn="ctr"/>
            <a:r>
              <a:rPr lang="sv-SE" sz="1200" i="1">
                <a:latin typeface="Verdana"/>
                <a:ea typeface="ＭＳ Ｐゴシック"/>
                <a:cs typeface="Arial"/>
              </a:rPr>
              <a:t>ARS (</a:t>
            </a:r>
            <a:r>
              <a:rPr lang="sv-SE" sz="1200" i="1" err="1">
                <a:latin typeface="Verdana"/>
                <a:ea typeface="ＭＳ Ｐゴシック"/>
                <a:cs typeface="Arial"/>
              </a:rPr>
              <a:t>Alzarine</a:t>
            </a:r>
            <a:r>
              <a:rPr lang="sv-SE" sz="1200" i="1">
                <a:latin typeface="Verdana"/>
                <a:ea typeface="ＭＳ Ｐゴシック"/>
                <a:cs typeface="Arial"/>
              </a:rPr>
              <a:t> Red s) </a:t>
            </a:r>
            <a:endParaRPr lang="sv-SE" sz="1200" i="1">
              <a:solidFill>
                <a:srgbClr val="0070C0"/>
              </a:solidFill>
              <a:latin typeface="Verdana"/>
              <a:ea typeface="ＭＳ Ｐゴシック"/>
              <a:cs typeface="Arial"/>
            </a:endParaRPr>
          </a:p>
        </p:txBody>
      </p:sp>
      <p:pic>
        <p:nvPicPr>
          <p:cNvPr id="7" name="Picture 15">
            <a:extLst>
              <a:ext uri="{FF2B5EF4-FFF2-40B4-BE49-F238E27FC236}">
                <a16:creationId xmlns:a16="http://schemas.microsoft.com/office/drawing/2014/main" id="{F1889101-91A9-4E7E-4436-FBF6533FC35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940874" y="4082220"/>
            <a:ext cx="3481043" cy="952022"/>
          </a:xfrm>
          <a:prstGeom prst="rect">
            <a:avLst/>
          </a:prstGeom>
        </p:spPr>
      </p:pic>
      <p:pic>
        <p:nvPicPr>
          <p:cNvPr id="8" name="Picture 17">
            <a:extLst>
              <a:ext uri="{FF2B5EF4-FFF2-40B4-BE49-F238E27FC236}">
                <a16:creationId xmlns:a16="http://schemas.microsoft.com/office/drawing/2014/main" id="{3870EB15-E6DA-5031-ED31-1C41CF6D152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85618" y="3811529"/>
            <a:ext cx="1607464" cy="1386576"/>
          </a:xfrm>
          <a:prstGeom prst="rect">
            <a:avLst/>
          </a:prstGeom>
        </p:spPr>
      </p:pic>
      <p:sp>
        <p:nvSpPr>
          <p:cNvPr id="9" name="TextBox 23">
            <a:extLst>
              <a:ext uri="{FF2B5EF4-FFF2-40B4-BE49-F238E27FC236}">
                <a16:creationId xmlns:a16="http://schemas.microsoft.com/office/drawing/2014/main" id="{85DFCD20-1F20-1049-9A80-699F5A68037E}"/>
              </a:ext>
            </a:extLst>
          </p:cNvPr>
          <p:cNvSpPr txBox="1"/>
          <p:nvPr/>
        </p:nvSpPr>
        <p:spPr>
          <a:xfrm>
            <a:off x="668674" y="5411889"/>
            <a:ext cx="2040482" cy="276999"/>
          </a:xfrm>
          <a:prstGeom prst="rect">
            <a:avLst/>
          </a:prstGeom>
          <a:noFill/>
        </p:spPr>
        <p:txBody>
          <a:bodyPr wrap="square" lIns="91440" tIns="45720" rIns="91440" bIns="45720" anchor="t">
            <a:spAutoFit/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algn="ctr"/>
            <a:r>
              <a:rPr lang="sv-SE" sz="1200" i="1">
                <a:latin typeface="Verdana"/>
                <a:ea typeface="ＭＳ Ｐゴシック"/>
                <a:cs typeface="Arial"/>
              </a:rPr>
              <a:t>Ferrocyanide</a:t>
            </a:r>
            <a:endParaRPr lang="sv-SE" sz="1200" i="1">
              <a:solidFill>
                <a:schemeClr val="accent3">
                  <a:lumMod val="75000"/>
                </a:schemeClr>
              </a:solidFill>
              <a:latin typeface="Verdana"/>
              <a:ea typeface="ＭＳ Ｐゴシック"/>
              <a:cs typeface="Arial"/>
            </a:endParaRPr>
          </a:p>
        </p:txBody>
      </p:sp>
      <p:sp>
        <p:nvSpPr>
          <p:cNvPr id="11" name="textruta 10">
            <a:extLst>
              <a:ext uri="{FF2B5EF4-FFF2-40B4-BE49-F238E27FC236}">
                <a16:creationId xmlns:a16="http://schemas.microsoft.com/office/drawing/2014/main" id="{A192166A-C8F8-11DE-BDFB-B34654955F70}"/>
              </a:ext>
            </a:extLst>
          </p:cNvPr>
          <p:cNvSpPr txBox="1"/>
          <p:nvPr/>
        </p:nvSpPr>
        <p:spPr>
          <a:xfrm>
            <a:off x="664873" y="1773989"/>
            <a:ext cx="4763083" cy="168251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sv-SE" b="1" err="1">
                <a:latin typeface="+mn-lt"/>
                <a:ea typeface="ＭＳ Ｐゴシック"/>
                <a:cs typeface="Arial"/>
              </a:rPr>
              <a:t>Investigate</a:t>
            </a:r>
            <a:r>
              <a:rPr lang="sv-SE" b="1">
                <a:latin typeface="+mn-lt"/>
                <a:ea typeface="ＭＳ Ｐゴシック"/>
                <a:cs typeface="Arial"/>
              </a:rPr>
              <a:t> the </a:t>
            </a:r>
            <a:r>
              <a:rPr lang="sv-SE" b="1" err="1">
                <a:latin typeface="+mn-lt"/>
                <a:ea typeface="ＭＳ Ｐゴシック"/>
                <a:cs typeface="Arial"/>
              </a:rPr>
              <a:t>properties</a:t>
            </a:r>
            <a:r>
              <a:rPr lang="sv-SE" b="1">
                <a:latin typeface="+mn-lt"/>
                <a:ea typeface="ＭＳ Ｐゴシック"/>
                <a:cs typeface="Arial"/>
              </a:rPr>
              <a:t> </a:t>
            </a:r>
            <a:r>
              <a:rPr lang="sv-SE" b="1" err="1">
                <a:latin typeface="+mn-lt"/>
                <a:ea typeface="ＭＳ Ｐゴシック"/>
                <a:cs typeface="Arial"/>
              </a:rPr>
              <a:t>of</a:t>
            </a:r>
            <a:r>
              <a:rPr lang="sv-SE" b="1">
                <a:latin typeface="+mn-lt"/>
                <a:ea typeface="ＭＳ Ｐゴシック"/>
                <a:cs typeface="Arial"/>
              </a:rPr>
              <a:t> an </a:t>
            </a:r>
            <a:r>
              <a:rPr lang="sv-SE" b="1" err="1">
                <a:latin typeface="+mn-lt"/>
                <a:ea typeface="ＭＳ Ｐゴシック"/>
                <a:cs typeface="Arial"/>
              </a:rPr>
              <a:t>organic</a:t>
            </a:r>
            <a:r>
              <a:rPr lang="sv-SE" b="1">
                <a:latin typeface="+mn-lt"/>
                <a:ea typeface="ＭＳ Ｐゴシック"/>
                <a:cs typeface="Arial"/>
              </a:rPr>
              <a:t> redox (</a:t>
            </a:r>
            <a:r>
              <a:rPr lang="sv-SE" b="1" err="1">
                <a:latin typeface="+mn-lt"/>
                <a:ea typeface="ＭＳ Ｐゴシック"/>
                <a:cs typeface="Arial"/>
              </a:rPr>
              <a:t>flow</a:t>
            </a:r>
            <a:r>
              <a:rPr lang="sv-SE" b="1">
                <a:latin typeface="+mn-lt"/>
                <a:ea typeface="ＭＳ Ｐゴシック"/>
                <a:cs typeface="Arial"/>
              </a:rPr>
              <a:t>) </a:t>
            </a:r>
            <a:r>
              <a:rPr lang="sv-SE" b="1" err="1">
                <a:latin typeface="+mn-lt"/>
                <a:ea typeface="ＭＳ Ｐゴシック"/>
                <a:cs typeface="Arial"/>
              </a:rPr>
              <a:t>battery</a:t>
            </a:r>
            <a:endParaRPr lang="sv-SE" b="1" err="1">
              <a:latin typeface="+mn-lt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sv-SE">
                <a:latin typeface="+mn-lt"/>
                <a:ea typeface="ＭＳ Ｐゴシック"/>
                <a:cs typeface="Arial"/>
              </a:rPr>
              <a:t>Ferrocyanide as </a:t>
            </a:r>
            <a:r>
              <a:rPr lang="sv-SE" err="1">
                <a:latin typeface="+mn-lt"/>
                <a:ea typeface="ＭＳ Ｐゴシック"/>
                <a:cs typeface="Arial"/>
              </a:rPr>
              <a:t>posolyte</a:t>
            </a:r>
            <a:r>
              <a:rPr lang="sv-SE">
                <a:latin typeface="+mn-lt"/>
                <a:ea typeface="ＭＳ Ｐゴシック"/>
                <a:cs typeface="Arial"/>
              </a:rPr>
              <a:t> and ARS as </a:t>
            </a:r>
            <a:r>
              <a:rPr lang="sv-SE" err="1">
                <a:latin typeface="+mn-lt"/>
                <a:ea typeface="ＭＳ Ｐゴシック"/>
                <a:cs typeface="Arial"/>
              </a:rPr>
              <a:t>negolyte</a:t>
            </a:r>
            <a:endParaRPr lang="sv-SE">
              <a:latin typeface="+mn-lt"/>
              <a:ea typeface="ＭＳ Ｐゴシック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sv-SE" err="1">
                <a:latin typeface="+mn-lt"/>
                <a:ea typeface="ＭＳ Ｐゴシック"/>
                <a:cs typeface="Arial"/>
              </a:rPr>
              <a:t>Electrode</a:t>
            </a:r>
            <a:r>
              <a:rPr lang="sv-SE">
                <a:latin typeface="+mn-lt"/>
                <a:ea typeface="ＭＳ Ｐゴシック"/>
                <a:cs typeface="Arial"/>
              </a:rPr>
              <a:t> </a:t>
            </a:r>
            <a:r>
              <a:rPr lang="sv-SE" err="1">
                <a:latin typeface="+mn-lt"/>
                <a:ea typeface="ＭＳ Ｐゴシック"/>
                <a:cs typeface="Arial"/>
              </a:rPr>
              <a:t>reactions</a:t>
            </a:r>
            <a:r>
              <a:rPr lang="sv-SE">
                <a:latin typeface="+mn-lt"/>
                <a:ea typeface="ＭＳ Ｐゴシック"/>
                <a:cs typeface="Arial"/>
              </a:rPr>
              <a:t>:</a:t>
            </a:r>
            <a:endParaRPr lang="sv-SE">
              <a:latin typeface="+mn-lt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sv-SE">
              <a:latin typeface="+mn-lt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sv-SE">
              <a:latin typeface="+mn-lt"/>
              <a:cs typeface="Arial"/>
            </a:endParaRPr>
          </a:p>
        </p:txBody>
      </p:sp>
      <p:pic>
        <p:nvPicPr>
          <p:cNvPr id="12" name="Bildobjekt 12" descr="En bild som visar text, antenn&#10;&#10;Automatiskt genererad beskrivning">
            <a:extLst>
              <a:ext uri="{FF2B5EF4-FFF2-40B4-BE49-F238E27FC236}">
                <a16:creationId xmlns:a16="http://schemas.microsoft.com/office/drawing/2014/main" id="{96C677C5-5E8B-2609-6F4A-99FD73F50992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936735" y="2637768"/>
            <a:ext cx="2742075" cy="7837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8550323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BA9DCFE-5A7B-4251-BAC0-923BB058C2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12610" y="38295"/>
            <a:ext cx="9312374" cy="972716"/>
          </a:xfrm>
        </p:spPr>
        <p:txBody>
          <a:bodyPr/>
          <a:lstStyle/>
          <a:p>
            <a:r>
              <a:rPr lang="en-US">
                <a:cs typeface="Arial"/>
              </a:rPr>
              <a:t>Flow char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5A5A8DA-A19E-052B-D093-7F42594AEBA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/>
          </a:p>
        </p:txBody>
      </p:sp>
      <p:graphicFrame>
        <p:nvGraphicFramePr>
          <p:cNvPr id="5" name="Content Placeholder 4">
            <a:extLst>
              <a:ext uri="{FF2B5EF4-FFF2-40B4-BE49-F238E27FC236}">
                <a16:creationId xmlns:a16="http://schemas.microsoft.com/office/drawing/2014/main" id="{4CFAEE28-2196-5691-6E57-227D94F8563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186104645"/>
              </p:ext>
            </p:extLst>
          </p:nvPr>
        </p:nvGraphicFramePr>
        <p:xfrm>
          <a:off x="1063438" y="1451949"/>
          <a:ext cx="10063536" cy="4830387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6" name="Rektangel: rundade hörn 10">
            <a:extLst>
              <a:ext uri="{FF2B5EF4-FFF2-40B4-BE49-F238E27FC236}">
                <a16:creationId xmlns:a16="http://schemas.microsoft.com/office/drawing/2014/main" id="{9E1D8BC1-9B37-7CAF-9E08-6A51392AC8EE}"/>
              </a:ext>
            </a:extLst>
          </p:cNvPr>
          <p:cNvSpPr/>
          <p:nvPr/>
        </p:nvSpPr>
        <p:spPr bwMode="auto">
          <a:xfrm>
            <a:off x="1151518" y="338815"/>
            <a:ext cx="5331216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itle 8">
            <a:extLst>
              <a:ext uri="{FF2B5EF4-FFF2-40B4-BE49-F238E27FC236}">
                <a16:creationId xmlns:a16="http://schemas.microsoft.com/office/drawing/2014/main" id="{875B6D85-8C4E-1611-5966-FB8D4738F246}"/>
              </a:ext>
            </a:extLst>
          </p:cNvPr>
          <p:cNvSpPr txBox="1">
            <a:spLocks/>
          </p:cNvSpPr>
          <p:nvPr/>
        </p:nvSpPr>
        <p:spPr bwMode="auto">
          <a:xfrm>
            <a:off x="1294995" y="-49191"/>
            <a:ext cx="2988620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it-IT" kern="0">
                <a:solidFill>
                  <a:schemeClr val="bg1"/>
                </a:solidFill>
              </a:rPr>
              <a:t>Methodology</a:t>
            </a:r>
            <a:endParaRPr lang="en-GB" kern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4420387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ktangel: rundade hörn 10">
            <a:extLst>
              <a:ext uri="{FF2B5EF4-FFF2-40B4-BE49-F238E27FC236}">
                <a16:creationId xmlns:a16="http://schemas.microsoft.com/office/drawing/2014/main" id="{118B8677-A3E2-401F-4261-EE74FC2D22E9}"/>
              </a:ext>
            </a:extLst>
          </p:cNvPr>
          <p:cNvSpPr/>
          <p:nvPr/>
        </p:nvSpPr>
        <p:spPr bwMode="auto">
          <a:xfrm>
            <a:off x="1277978" y="593266"/>
            <a:ext cx="5331216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" name="Platshållare för bildnummer 3">
            <a:extLst>
              <a:ext uri="{FF2B5EF4-FFF2-40B4-BE49-F238E27FC236}">
                <a16:creationId xmlns:a16="http://schemas.microsoft.com/office/drawing/2014/main" id="{622AA495-CAC4-8173-E96C-3014578708E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/>
          </a:p>
        </p:txBody>
      </p:sp>
      <p:sp>
        <p:nvSpPr>
          <p:cNvPr id="6" name="Rektangel: rundade hörn 8">
            <a:extLst>
              <a:ext uri="{FF2B5EF4-FFF2-40B4-BE49-F238E27FC236}">
                <a16:creationId xmlns:a16="http://schemas.microsoft.com/office/drawing/2014/main" id="{BEBD2B5D-B1B7-8804-2DFF-6FC100134774}"/>
              </a:ext>
            </a:extLst>
          </p:cNvPr>
          <p:cNvSpPr/>
          <p:nvPr/>
        </p:nvSpPr>
        <p:spPr bwMode="auto">
          <a:xfrm>
            <a:off x="1277978" y="593266"/>
            <a:ext cx="3579772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6D7B45B7-3FFF-6874-0FED-88BB7D81D98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21455" y="205260"/>
            <a:ext cx="5045594" cy="972716"/>
          </a:xfrm>
        </p:spPr>
        <p:txBody>
          <a:bodyPr/>
          <a:lstStyle/>
          <a:p>
            <a:r>
              <a:rPr lang="it-IT" err="1">
                <a:solidFill>
                  <a:schemeClr val="bg1"/>
                </a:solidFill>
                <a:cs typeface="Arial"/>
              </a:rPr>
              <a:t>Experimental</a:t>
            </a:r>
            <a:r>
              <a:rPr lang="it-IT">
                <a:solidFill>
                  <a:schemeClr val="bg1"/>
                </a:solidFill>
                <a:cs typeface="Arial"/>
              </a:rPr>
              <a:t> setup </a:t>
            </a:r>
          </a:p>
        </p:txBody>
      </p:sp>
      <p:pic>
        <p:nvPicPr>
          <p:cNvPr id="2" name="Bildobjekt 4">
            <a:extLst>
              <a:ext uri="{FF2B5EF4-FFF2-40B4-BE49-F238E27FC236}">
                <a16:creationId xmlns:a16="http://schemas.microsoft.com/office/drawing/2014/main" id="{A1FBDAE1-64E4-27EA-FCD6-3E1B2B23BE1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24551" y="3821393"/>
            <a:ext cx="4473994" cy="2189317"/>
          </a:xfrm>
          <a:prstGeom prst="rect">
            <a:avLst/>
          </a:prstGeom>
        </p:spPr>
      </p:pic>
      <p:sp>
        <p:nvSpPr>
          <p:cNvPr id="5" name="textruta 4">
            <a:extLst>
              <a:ext uri="{FF2B5EF4-FFF2-40B4-BE49-F238E27FC236}">
                <a16:creationId xmlns:a16="http://schemas.microsoft.com/office/drawing/2014/main" id="{144ED827-ACA1-5E06-7C3D-51B166105391}"/>
              </a:ext>
            </a:extLst>
          </p:cNvPr>
          <p:cNvSpPr txBox="1"/>
          <p:nvPr/>
        </p:nvSpPr>
        <p:spPr>
          <a:xfrm>
            <a:off x="4571101" y="4307123"/>
            <a:ext cx="2520768" cy="2523768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 b="1">
                <a:solidFill>
                  <a:schemeClr val="tx2"/>
                </a:solidFill>
                <a:latin typeface="Arial"/>
                <a:ea typeface="ＭＳ Ｐゴシック"/>
                <a:cs typeface="Arial"/>
              </a:rPr>
              <a:t>WE</a:t>
            </a:r>
            <a:r>
              <a:rPr lang="sv-SE" b="1">
                <a:latin typeface="Arial"/>
                <a:ea typeface="ＭＳ Ｐゴシック"/>
                <a:cs typeface="Arial"/>
              </a:rPr>
              <a:t>: </a:t>
            </a:r>
            <a:r>
              <a:rPr lang="sv-SE">
                <a:latin typeface="Arial"/>
                <a:ea typeface="ＭＳ Ｐゴシック"/>
                <a:cs typeface="Arial"/>
              </a:rPr>
              <a:t>Glassy carbon disk coated in a chemically resistant polymer </a:t>
            </a:r>
            <a:endParaRPr lang="sv-SE" b="1">
              <a:latin typeface="Arial"/>
              <a:cs typeface="Arial"/>
            </a:endParaRPr>
          </a:p>
          <a:p>
            <a:pPr>
              <a:spcBef>
                <a:spcPts val="432"/>
              </a:spcBef>
            </a:pPr>
            <a:r>
              <a:rPr lang="sv-SE" b="1">
                <a:solidFill>
                  <a:schemeClr val="tx2"/>
                </a:solidFill>
                <a:latin typeface="Arial"/>
                <a:ea typeface="ＭＳ Ｐゴシック"/>
                <a:cs typeface="Arial"/>
              </a:rPr>
              <a:t>CE</a:t>
            </a:r>
            <a:r>
              <a:rPr lang="sv-SE" b="1">
                <a:latin typeface="Arial"/>
                <a:ea typeface="ＭＳ Ｐゴシック"/>
                <a:cs typeface="Arial"/>
              </a:rPr>
              <a:t>: </a:t>
            </a:r>
            <a:r>
              <a:rPr lang="sv-SE">
                <a:latin typeface="Arial"/>
                <a:ea typeface="ＭＳ Ｐゴシック"/>
                <a:cs typeface="Arial"/>
              </a:rPr>
              <a:t>Coiled platinum wire</a:t>
            </a:r>
            <a:endParaRPr lang="sv-SE">
              <a:latin typeface="Arial"/>
              <a:cs typeface="Arial"/>
            </a:endParaRPr>
          </a:p>
          <a:p>
            <a:pPr>
              <a:spcBef>
                <a:spcPts val="432"/>
              </a:spcBef>
            </a:pPr>
            <a:r>
              <a:rPr lang="sv-SE" b="1">
                <a:solidFill>
                  <a:schemeClr val="tx2"/>
                </a:solidFill>
                <a:latin typeface="Arial"/>
                <a:ea typeface="ＭＳ Ｐゴシック"/>
                <a:cs typeface="Arial"/>
              </a:rPr>
              <a:t>RE</a:t>
            </a:r>
            <a:r>
              <a:rPr lang="sv-SE" b="1">
                <a:latin typeface="Arial"/>
                <a:ea typeface="ＭＳ Ｐゴシック"/>
                <a:cs typeface="Arial"/>
              </a:rPr>
              <a:t>: </a:t>
            </a:r>
            <a:r>
              <a:rPr lang="sv-SE">
                <a:latin typeface="Arial"/>
                <a:ea typeface="ＭＳ Ｐゴシック"/>
                <a:cs typeface="Arial"/>
              </a:rPr>
              <a:t>Ag/AgCl</a:t>
            </a:r>
            <a:endParaRPr lang="sv-SE">
              <a:latin typeface="Arial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endParaRPr lang="sv-SE">
              <a:latin typeface="Arial"/>
              <a:cs typeface="Arial"/>
            </a:endParaRPr>
          </a:p>
          <a:p>
            <a:pPr>
              <a:spcBef>
                <a:spcPts val="432"/>
              </a:spcBef>
            </a:pPr>
            <a:endParaRPr lang="sv-SE" b="1">
              <a:latin typeface="Arial"/>
              <a:cs typeface="Arial"/>
            </a:endParaRPr>
          </a:p>
          <a:p>
            <a:pPr>
              <a:spcBef>
                <a:spcPts val="432"/>
              </a:spcBef>
            </a:pPr>
            <a:endParaRPr lang="sv-SE">
              <a:latin typeface="Arial"/>
              <a:cs typeface="Arial"/>
            </a:endParaRPr>
          </a:p>
          <a:p>
            <a:pPr>
              <a:spcBef>
                <a:spcPts val="432"/>
              </a:spcBef>
            </a:pPr>
            <a:endParaRPr lang="sv-SE">
              <a:latin typeface="Arial"/>
              <a:cs typeface="Arial"/>
            </a:endParaRPr>
          </a:p>
        </p:txBody>
      </p:sp>
      <p:sp>
        <p:nvSpPr>
          <p:cNvPr id="15" name="textruta 14">
            <a:extLst>
              <a:ext uri="{FF2B5EF4-FFF2-40B4-BE49-F238E27FC236}">
                <a16:creationId xmlns:a16="http://schemas.microsoft.com/office/drawing/2014/main" id="{C9B6672D-8150-DE86-4608-A4295233B68D}"/>
              </a:ext>
            </a:extLst>
          </p:cNvPr>
          <p:cNvSpPr txBox="1"/>
          <p:nvPr/>
        </p:nvSpPr>
        <p:spPr>
          <a:xfrm>
            <a:off x="1277978" y="1974715"/>
            <a:ext cx="5187739" cy="172354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sv-SE" b="1">
                <a:latin typeface="Arial"/>
                <a:ea typeface="Verdana"/>
                <a:cs typeface="Segoe UI"/>
              </a:rPr>
              <a:t>CYCLIC VOLTAMMETRY</a:t>
            </a:r>
          </a:p>
          <a:p>
            <a:r>
              <a:rPr lang="sv-SE">
                <a:latin typeface="Arial"/>
                <a:ea typeface="Verdana"/>
                <a:cs typeface="Segoe UI"/>
              </a:rPr>
              <a:t>Three </a:t>
            </a:r>
            <a:r>
              <a:rPr lang="sv-SE" err="1">
                <a:latin typeface="Arial"/>
                <a:ea typeface="Verdana"/>
                <a:cs typeface="Segoe UI"/>
              </a:rPr>
              <a:t>electrode</a:t>
            </a:r>
            <a:r>
              <a:rPr lang="sv-SE">
                <a:latin typeface="Arial"/>
                <a:ea typeface="Verdana"/>
                <a:cs typeface="Segoe UI"/>
              </a:rPr>
              <a:t> setup </a:t>
            </a:r>
            <a:endParaRPr lang="sv-SE">
              <a:latin typeface="Arial"/>
              <a:cs typeface="Arial"/>
            </a:endParaRPr>
          </a:p>
          <a:p>
            <a:r>
              <a:rPr lang="sv-SE" err="1">
                <a:latin typeface="Arial"/>
                <a:ea typeface="Verdana"/>
                <a:cs typeface="Segoe UI"/>
              </a:rPr>
              <a:t>Aqueous</a:t>
            </a:r>
            <a:r>
              <a:rPr lang="sv-SE">
                <a:latin typeface="Arial"/>
                <a:ea typeface="Verdana"/>
                <a:cs typeface="Segoe UI"/>
              </a:rPr>
              <a:t> solution </a:t>
            </a:r>
            <a:r>
              <a:rPr lang="sv-SE" err="1">
                <a:latin typeface="Arial"/>
                <a:ea typeface="Verdana"/>
                <a:cs typeface="Segoe UI"/>
              </a:rPr>
              <a:t>of</a:t>
            </a:r>
            <a:r>
              <a:rPr lang="sv-SE">
                <a:latin typeface="Arial"/>
                <a:ea typeface="Verdana"/>
                <a:cs typeface="Segoe UI"/>
              </a:rPr>
              <a:t> 1 M KOH:</a:t>
            </a:r>
            <a:endParaRPr lang="sv-SE">
              <a:latin typeface="Arial"/>
              <a:cs typeface="Arial"/>
            </a:endParaRPr>
          </a:p>
          <a:p>
            <a:pPr marL="742950" lvl="1" indent="-285750">
              <a:buFont typeface="Arial"/>
              <a:buChar char="•"/>
            </a:pPr>
            <a:r>
              <a:rPr lang="sv-SE">
                <a:latin typeface="Arial"/>
                <a:ea typeface="Arial"/>
                <a:cs typeface="Arial"/>
              </a:rPr>
              <a:t> 2 </a:t>
            </a:r>
            <a:r>
              <a:rPr lang="sv-SE" err="1">
                <a:latin typeface="Arial"/>
                <a:ea typeface="Arial"/>
                <a:cs typeface="Arial"/>
              </a:rPr>
              <a:t>mM</a:t>
            </a:r>
            <a:r>
              <a:rPr lang="sv-SE">
                <a:latin typeface="Arial"/>
                <a:ea typeface="Arial"/>
                <a:cs typeface="Arial"/>
              </a:rPr>
              <a:t> Ferrocyanide​ </a:t>
            </a:r>
          </a:p>
          <a:p>
            <a:pPr marL="742950" lvl="1" indent="-285750">
              <a:buFont typeface="Arial"/>
              <a:buChar char="•"/>
            </a:pPr>
            <a:r>
              <a:rPr lang="sv-SE">
                <a:latin typeface="Arial"/>
                <a:ea typeface="Arial"/>
                <a:cs typeface="Arial"/>
              </a:rPr>
              <a:t> 2 </a:t>
            </a:r>
            <a:r>
              <a:rPr lang="sv-SE" err="1">
                <a:latin typeface="Arial"/>
                <a:ea typeface="Arial"/>
                <a:cs typeface="Arial"/>
              </a:rPr>
              <a:t>mM</a:t>
            </a:r>
            <a:r>
              <a:rPr lang="sv-SE">
                <a:latin typeface="Arial"/>
                <a:ea typeface="Arial"/>
                <a:cs typeface="Arial"/>
              </a:rPr>
              <a:t> </a:t>
            </a:r>
            <a:r>
              <a:rPr lang="sv-SE" err="1">
                <a:latin typeface="Arial"/>
                <a:ea typeface="Arial"/>
                <a:cs typeface="Arial"/>
              </a:rPr>
              <a:t>Alzarine</a:t>
            </a:r>
            <a:r>
              <a:rPr lang="sv-SE">
                <a:latin typeface="Arial"/>
                <a:ea typeface="Arial"/>
                <a:cs typeface="Arial"/>
              </a:rPr>
              <a:t> Red s (ARS)</a:t>
            </a:r>
            <a:endParaRPr lang="sv-SE">
              <a:latin typeface="+mn-lt"/>
              <a:cs typeface="Arial"/>
            </a:endParaRPr>
          </a:p>
        </p:txBody>
      </p:sp>
      <p:sp>
        <p:nvSpPr>
          <p:cNvPr id="18" name="textruta 2">
            <a:extLst>
              <a:ext uri="{FF2B5EF4-FFF2-40B4-BE49-F238E27FC236}">
                <a16:creationId xmlns:a16="http://schemas.microsoft.com/office/drawing/2014/main" id="{FE3EE6A0-0B57-DB9F-CC58-4AEEB5A2F024}"/>
              </a:ext>
            </a:extLst>
          </p:cNvPr>
          <p:cNvSpPr txBox="1"/>
          <p:nvPr/>
        </p:nvSpPr>
        <p:spPr>
          <a:xfrm>
            <a:off x="7252063" y="3675683"/>
            <a:ext cx="4507823" cy="984885"/>
          </a:xfrm>
          <a:prstGeom prst="rect">
            <a:avLst/>
          </a:prstGeom>
          <a:noFill/>
        </p:spPr>
        <p:txBody>
          <a:bodyPr rot="0" spcFirstLastPara="0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r>
              <a:rPr lang="sv-SE" err="1">
                <a:latin typeface="Arial"/>
                <a:ea typeface="ＭＳ Ｐゴシック"/>
                <a:cs typeface="Arial"/>
              </a:rPr>
              <a:t>Aqueous</a:t>
            </a:r>
            <a:r>
              <a:rPr lang="sv-SE">
                <a:latin typeface="Arial"/>
                <a:ea typeface="ＭＳ Ｐゴシック"/>
                <a:cs typeface="Arial"/>
              </a:rPr>
              <a:t> solution </a:t>
            </a:r>
            <a:r>
              <a:rPr lang="sv-SE" err="1">
                <a:latin typeface="Arial"/>
                <a:ea typeface="ＭＳ Ｐゴシック"/>
                <a:cs typeface="Arial"/>
              </a:rPr>
              <a:t>of</a:t>
            </a:r>
            <a:r>
              <a:rPr lang="sv-SE">
                <a:latin typeface="Arial"/>
                <a:ea typeface="ＭＳ Ｐゴシック"/>
                <a:cs typeface="Arial"/>
              </a:rPr>
              <a:t> 1 M KOH :</a:t>
            </a:r>
            <a:endParaRPr lang="sv-SE">
              <a:ea typeface="ＭＳ Ｐゴシック"/>
            </a:endParaRPr>
          </a:p>
          <a:p>
            <a:pPr marL="742950" lvl="1" indent="-285750" rtl="0">
              <a:buFont typeface="Arial"/>
              <a:buChar char="•"/>
            </a:pPr>
            <a:r>
              <a:rPr lang="sv-SE" err="1">
                <a:latin typeface="Arial"/>
                <a:ea typeface="Arial"/>
                <a:cs typeface="Arial"/>
              </a:rPr>
              <a:t>Posolyte</a:t>
            </a:r>
            <a:r>
              <a:rPr lang="sv-SE">
                <a:latin typeface="Arial"/>
                <a:ea typeface="Arial"/>
                <a:cs typeface="Arial"/>
              </a:rPr>
              <a:t>: 1.8 </a:t>
            </a:r>
            <a:r>
              <a:rPr lang="sv-SE" err="1">
                <a:latin typeface="Arial"/>
                <a:ea typeface="Arial"/>
                <a:cs typeface="Arial"/>
              </a:rPr>
              <a:t>mL</a:t>
            </a:r>
            <a:r>
              <a:rPr lang="sv-SE">
                <a:latin typeface="Arial"/>
                <a:ea typeface="Arial"/>
                <a:cs typeface="Arial"/>
              </a:rPr>
              <a:t> </a:t>
            </a:r>
            <a:r>
              <a:rPr lang="sv-SE" err="1">
                <a:latin typeface="Arial"/>
                <a:ea typeface="Arial"/>
                <a:cs typeface="Arial"/>
              </a:rPr>
              <a:t>of</a:t>
            </a:r>
            <a:r>
              <a:rPr lang="sv-SE">
                <a:latin typeface="Arial"/>
                <a:ea typeface="Arial"/>
                <a:cs typeface="Arial"/>
              </a:rPr>
              <a:t> 0.2 M Ferrocyanide​</a:t>
            </a:r>
          </a:p>
          <a:p>
            <a:pPr marL="742950" lvl="1" indent="-285750" rtl="0">
              <a:buFont typeface="Arial"/>
              <a:buChar char="•"/>
            </a:pPr>
            <a:r>
              <a:rPr lang="sv-SE" err="1">
                <a:latin typeface="Arial"/>
                <a:ea typeface="Arial"/>
                <a:cs typeface="Arial"/>
              </a:rPr>
              <a:t>Negolyte</a:t>
            </a:r>
            <a:r>
              <a:rPr lang="sv-SE">
                <a:latin typeface="Arial"/>
                <a:ea typeface="Arial"/>
                <a:cs typeface="Arial"/>
              </a:rPr>
              <a:t>: 2.3 </a:t>
            </a:r>
            <a:r>
              <a:rPr lang="sv-SE" err="1">
                <a:latin typeface="Arial"/>
                <a:ea typeface="Arial"/>
                <a:cs typeface="Arial"/>
              </a:rPr>
              <a:t>mL</a:t>
            </a:r>
            <a:r>
              <a:rPr lang="sv-SE">
                <a:latin typeface="Arial"/>
                <a:ea typeface="Arial"/>
                <a:cs typeface="Arial"/>
              </a:rPr>
              <a:t> </a:t>
            </a:r>
            <a:r>
              <a:rPr lang="sv-SE" err="1">
                <a:latin typeface="Arial"/>
                <a:ea typeface="Arial"/>
                <a:cs typeface="Arial"/>
              </a:rPr>
              <a:t>of</a:t>
            </a:r>
            <a:r>
              <a:rPr lang="sv-SE">
                <a:latin typeface="Arial"/>
                <a:ea typeface="Arial"/>
                <a:cs typeface="Arial"/>
              </a:rPr>
              <a:t> 0.05 M ARS</a:t>
            </a:r>
            <a:endParaRPr lang="sv-SE">
              <a:latin typeface="+mn-lt"/>
              <a:cs typeface="Arial"/>
            </a:endParaRPr>
          </a:p>
        </p:txBody>
      </p:sp>
      <p:sp>
        <p:nvSpPr>
          <p:cNvPr id="13" name="Underrubrik 2">
            <a:extLst>
              <a:ext uri="{FF2B5EF4-FFF2-40B4-BE49-F238E27FC236}">
                <a16:creationId xmlns:a16="http://schemas.microsoft.com/office/drawing/2014/main" id="{CABFC6CC-4D5B-3489-5C52-8093FD66CBFD}"/>
              </a:ext>
            </a:extLst>
          </p:cNvPr>
          <p:cNvSpPr>
            <a:spLocks noGrp="1"/>
          </p:cNvSpPr>
          <p:nvPr/>
        </p:nvSpPr>
        <p:spPr bwMode="auto">
          <a:xfrm>
            <a:off x="7252063" y="1910198"/>
            <a:ext cx="4750434" cy="38553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sv-SE" sz="1600" b="1">
                <a:cs typeface="Arial"/>
              </a:rPr>
              <a:t>CHARGE-DISCHARGE EXPERIMENT</a:t>
            </a:r>
          </a:p>
          <a:p>
            <a:pPr marL="342900" indent="-342900">
              <a:buFont typeface="Arial"/>
              <a:buAutoNum type="arabicPeriod"/>
            </a:pPr>
            <a:endParaRPr lang="sv-SE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sv-SE" b="1">
              <a:solidFill>
                <a:srgbClr val="990000"/>
              </a:solidFill>
              <a:cs typeface="Arial"/>
            </a:endParaRPr>
          </a:p>
          <a:p>
            <a:pPr marL="615315" lvl="2" indent="-197485">
              <a:buFont typeface="+mj-lt"/>
              <a:buChar char="•"/>
            </a:pPr>
            <a:endParaRPr lang="sv-SE">
              <a:cs typeface="Arial"/>
            </a:endParaRPr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911EDB20-491B-94DD-DEBD-39D01C4BE84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252063" y="2391061"/>
            <a:ext cx="4323420" cy="1034913"/>
          </a:xfrm>
          <a:prstGeom prst="rect">
            <a:avLst/>
          </a:prstGeom>
        </p:spPr>
      </p:pic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40E026B4-7548-55E3-661C-5D06AB12DDA2}"/>
              </a:ext>
            </a:extLst>
          </p:cNvPr>
          <p:cNvCxnSpPr/>
          <p:nvPr/>
        </p:nvCxnSpPr>
        <p:spPr bwMode="auto">
          <a:xfrm>
            <a:off x="6945549" y="1974715"/>
            <a:ext cx="0" cy="4566485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312681460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Content Placeholder 9" descr="Chart, line chart&#10;&#10;Description automatically generated">
            <a:extLst>
              <a:ext uri="{FF2B5EF4-FFF2-40B4-BE49-F238E27FC236}">
                <a16:creationId xmlns:a16="http://schemas.microsoft.com/office/drawing/2014/main" id="{7AA63D76-AE5D-3B83-AFFC-B428EF1BA53E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2211" y="2337501"/>
            <a:ext cx="7077909" cy="3089911"/>
          </a:xfrm>
        </p:spPr>
      </p:pic>
      <p:sp>
        <p:nvSpPr>
          <p:cNvPr id="9" name="Rektangel: rundade hörn 8">
            <a:extLst>
              <a:ext uri="{FF2B5EF4-FFF2-40B4-BE49-F238E27FC236}">
                <a16:creationId xmlns:a16="http://schemas.microsoft.com/office/drawing/2014/main" id="{4F3445EE-C138-B67A-CE17-CDB41340588F}"/>
              </a:ext>
            </a:extLst>
          </p:cNvPr>
          <p:cNvSpPr/>
          <p:nvPr/>
        </p:nvSpPr>
        <p:spPr bwMode="auto">
          <a:xfrm>
            <a:off x="1277978" y="593266"/>
            <a:ext cx="5331216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0236EE1E-3E88-8E11-F892-74376DB8C17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21381" y="198999"/>
            <a:ext cx="9665719" cy="972716"/>
          </a:xfrm>
        </p:spPr>
        <p:txBody>
          <a:bodyPr/>
          <a:lstStyle/>
          <a:p>
            <a:r>
              <a:rPr lang="en-SE">
                <a:solidFill>
                  <a:schemeClr val="bg1"/>
                </a:solidFill>
              </a:rPr>
              <a:t>Cyclic Voltammetry 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92FEE4B-BB6D-8803-A1AD-444BDAA5CF9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/>
          </a:p>
        </p:txBody>
      </p:sp>
      <p:graphicFrame>
        <p:nvGraphicFramePr>
          <p:cNvPr id="11" name="Table 11">
            <a:extLst>
              <a:ext uri="{FF2B5EF4-FFF2-40B4-BE49-F238E27FC236}">
                <a16:creationId xmlns:a16="http://schemas.microsoft.com/office/drawing/2014/main" id="{8AE5936C-2F83-F7AA-DDD1-13C0D37DC6B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58926159"/>
              </p:ext>
            </p:extLst>
          </p:nvPr>
        </p:nvGraphicFramePr>
        <p:xfrm>
          <a:off x="7358624" y="1432166"/>
          <a:ext cx="3764440" cy="1097351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489926">
                  <a:extLst>
                    <a:ext uri="{9D8B030D-6E8A-4147-A177-3AD203B41FA5}">
                      <a16:colId xmlns:a16="http://schemas.microsoft.com/office/drawing/2014/main" val="82091468"/>
                    </a:ext>
                  </a:extLst>
                </a:gridCol>
                <a:gridCol w="1637257">
                  <a:extLst>
                    <a:ext uri="{9D8B030D-6E8A-4147-A177-3AD203B41FA5}">
                      <a16:colId xmlns:a16="http://schemas.microsoft.com/office/drawing/2014/main" val="2467071326"/>
                    </a:ext>
                  </a:extLst>
                </a:gridCol>
                <a:gridCol w="1637257">
                  <a:extLst>
                    <a:ext uri="{9D8B030D-6E8A-4147-A177-3AD203B41FA5}">
                      <a16:colId xmlns:a16="http://schemas.microsoft.com/office/drawing/2014/main" val="1184119017"/>
                    </a:ext>
                  </a:extLst>
                </a:gridCol>
              </a:tblGrid>
              <a:tr h="404287">
                <a:tc>
                  <a:txBody>
                    <a:bodyPr/>
                    <a:lstStyle/>
                    <a:p>
                      <a:pPr lvl="0">
                        <a:buNone/>
                      </a:pPr>
                      <a:endParaRPr lang="sv-SE" sz="14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ctr">
                        <a:buNone/>
                      </a:pPr>
                      <a:r>
                        <a:rPr lang="en-SE" sz="1400"/>
                        <a:t>ARS</a:t>
                      </a:r>
                      <a:endParaRPr lang="sv-SE" sz="1400" baseline="-250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ctr">
                        <a:buNone/>
                      </a:pPr>
                      <a:r>
                        <a:rPr lang="en-SE" sz="1400"/>
                        <a:t>Ferrocyanide</a:t>
                      </a:r>
                      <a:endParaRPr lang="sv-SE" sz="1400" baseline="-250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93272703"/>
                  </a:ext>
                </a:extLst>
              </a:tr>
              <a:tr h="346532"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SE" sz="1400"/>
                        <a:t>E</a:t>
                      </a:r>
                      <a:r>
                        <a:rPr lang="en-SE" sz="1400" baseline="-25000"/>
                        <a:t>pa</a:t>
                      </a:r>
                      <a:endParaRPr lang="en-SE" sz="1400" baseline="-25000" err="1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ctr">
                        <a:buNone/>
                      </a:pPr>
                      <a:r>
                        <a:rPr lang="en-SE" sz="1400"/>
                        <a:t>-0.9 V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ctr">
                        <a:buNone/>
                      </a:pPr>
                      <a:r>
                        <a:rPr lang="en-SE" sz="1400"/>
                        <a:t>0.35 V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225996357"/>
                  </a:ext>
                </a:extLst>
              </a:tr>
              <a:tr h="346532"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SE" sz="1400"/>
                        <a:t>E</a:t>
                      </a:r>
                      <a:r>
                        <a:rPr lang="en-SE" sz="1400" baseline="-25000"/>
                        <a:t>pc</a:t>
                      </a:r>
                      <a:endParaRPr lang="en-SE" sz="1400" baseline="-25000" err="1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ctr">
                        <a:buNone/>
                      </a:pPr>
                      <a:r>
                        <a:rPr lang="en-SE" sz="1400"/>
                        <a:t>-0.94 V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ctr">
                        <a:buNone/>
                      </a:pPr>
                      <a:r>
                        <a:rPr lang="en-SE" sz="1400"/>
                        <a:t>0.17 V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05984194"/>
                  </a:ext>
                </a:extLst>
              </a:tr>
            </a:tbl>
          </a:graphicData>
        </a:graphic>
      </p:graphicFrame>
      <p:sp>
        <p:nvSpPr>
          <p:cNvPr id="3" name="textruta 2">
            <a:extLst>
              <a:ext uri="{FF2B5EF4-FFF2-40B4-BE49-F238E27FC236}">
                <a16:creationId xmlns:a16="http://schemas.microsoft.com/office/drawing/2014/main" id="{FA3B3913-113B-2D76-0B58-5B12C8D69022}"/>
              </a:ext>
            </a:extLst>
          </p:cNvPr>
          <p:cNvSpPr txBox="1"/>
          <p:nvPr/>
        </p:nvSpPr>
        <p:spPr>
          <a:xfrm>
            <a:off x="7358624" y="2867874"/>
            <a:ext cx="4448304" cy="789960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sv-SE" err="1">
                <a:latin typeface="Arial"/>
                <a:ea typeface="ＭＳ Ｐゴシック"/>
                <a:cs typeface="Arial"/>
              </a:rPr>
              <a:t>Investigate</a:t>
            </a:r>
            <a:r>
              <a:rPr lang="sv-SE">
                <a:latin typeface="Arial"/>
                <a:ea typeface="ＭＳ Ｐゴシック"/>
                <a:cs typeface="Arial"/>
              </a:rPr>
              <a:t> redox potential </a:t>
            </a:r>
            <a:endParaRPr lang="sv-SE">
              <a:latin typeface="Verdana"/>
              <a:ea typeface="ＭＳ Ｐゴシック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sv-SE" err="1">
                <a:latin typeface="+mn-lt"/>
                <a:ea typeface="ＭＳ Ｐゴシック"/>
                <a:cs typeface="Arial"/>
              </a:rPr>
              <a:t>Assumption</a:t>
            </a:r>
            <a:r>
              <a:rPr lang="sv-SE">
                <a:latin typeface="+mn-lt"/>
                <a:ea typeface="ＭＳ Ｐゴシック"/>
                <a:cs typeface="Arial"/>
              </a:rPr>
              <a:t>: </a:t>
            </a:r>
            <a:r>
              <a:rPr lang="sv-SE" err="1">
                <a:latin typeface="+mn-lt"/>
                <a:ea typeface="ＭＳ Ｐゴシック"/>
                <a:cs typeface="Arial"/>
              </a:rPr>
              <a:t>equal</a:t>
            </a:r>
            <a:r>
              <a:rPr lang="sv-SE">
                <a:latin typeface="+mn-lt"/>
                <a:ea typeface="ＭＳ Ｐゴシック"/>
                <a:cs typeface="Arial"/>
              </a:rPr>
              <a:t> diffusion (i.e. </a:t>
            </a:r>
            <a:r>
              <a:rPr lang="sv-SE" b="1" err="1">
                <a:latin typeface="+mn-lt"/>
                <a:ea typeface="ＭＳ Ｐゴシック"/>
                <a:cs typeface="Arial"/>
              </a:rPr>
              <a:t>capacity-balanced</a:t>
            </a:r>
            <a:r>
              <a:rPr lang="sv-SE" b="1">
                <a:latin typeface="+mn-lt"/>
                <a:ea typeface="ＭＳ Ｐゴシック"/>
                <a:cs typeface="Arial"/>
              </a:rPr>
              <a:t> cell</a:t>
            </a:r>
            <a:r>
              <a:rPr lang="sv-SE">
                <a:latin typeface="+mn-lt"/>
                <a:ea typeface="ＭＳ Ｐゴシック"/>
                <a:cs typeface="Arial"/>
              </a:rPr>
              <a:t>) </a:t>
            </a:r>
          </a:p>
        </p:txBody>
      </p:sp>
      <p:pic>
        <p:nvPicPr>
          <p:cNvPr id="5" name="Bildobjekt 5" descr="En bild som visar text&#10;&#10;Automatiskt genererad beskrivning">
            <a:extLst>
              <a:ext uri="{FF2B5EF4-FFF2-40B4-BE49-F238E27FC236}">
                <a16:creationId xmlns:a16="http://schemas.microsoft.com/office/drawing/2014/main" id="{447D1764-CA9E-8629-9BAB-21F76F9C8889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2216" b="11677"/>
          <a:stretch/>
        </p:blipFill>
        <p:spPr>
          <a:xfrm>
            <a:off x="7866311" y="4081378"/>
            <a:ext cx="2682662" cy="654452"/>
          </a:xfrm>
          <a:prstGeom prst="rect">
            <a:avLst/>
          </a:prstGeom>
        </p:spPr>
      </p:pic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9F739EB6-5196-2E1F-9A9A-D637ED4DA9BA}"/>
              </a:ext>
            </a:extLst>
          </p:cNvPr>
          <p:cNvCxnSpPr>
            <a:cxnSpLocks/>
          </p:cNvCxnSpPr>
          <p:nvPr/>
        </p:nvCxnSpPr>
        <p:spPr bwMode="auto">
          <a:xfrm>
            <a:off x="1464441" y="2575281"/>
            <a:ext cx="0" cy="2160549"/>
          </a:xfrm>
          <a:prstGeom prst="line">
            <a:avLst/>
          </a:prstGeom>
          <a:ln w="9525" cap="flat" cmpd="sng" algn="ctr">
            <a:solidFill>
              <a:schemeClr val="accent1"/>
            </a:solidFill>
            <a:prstDash val="dash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mc:AlternateContent xmlns:mc="http://schemas.openxmlformats.org/markup-compatibility/2006" xmlns:p14="http://schemas.microsoft.com/office/powerpoint/2010/main">
        <mc:Choice Requires="p14">
          <p:contentPart p14:bwMode="auto" r:id="rId4">
            <p14:nvContentPartPr>
              <p14:cNvPr id="15" name="Pennanteckning 14">
                <a:extLst>
                  <a:ext uri="{FF2B5EF4-FFF2-40B4-BE49-F238E27FC236}">
                    <a16:creationId xmlns:a16="http://schemas.microsoft.com/office/drawing/2014/main" id="{0EA3CF76-C092-8905-62FA-468100DD4FB9}"/>
                  </a:ext>
                </a:extLst>
              </p14:cNvPr>
              <p14:cNvContentPartPr/>
              <p14:nvPr/>
            </p14:nvContentPartPr>
            <p14:xfrm>
              <a:off x="1697318" y="4531475"/>
              <a:ext cx="183670" cy="135038"/>
            </p14:xfrm>
          </p:contentPart>
        </mc:Choice>
        <mc:Fallback xmlns="">
          <p:pic>
            <p:nvPicPr>
              <p:cNvPr id="15" name="Pennanteckning 14">
                <a:extLst>
                  <a:ext uri="{FF2B5EF4-FFF2-40B4-BE49-F238E27FC236}">
                    <a16:creationId xmlns:a16="http://schemas.microsoft.com/office/drawing/2014/main" id="{0EA3CF76-C092-8905-62FA-468100DD4FB9}"/>
                  </a:ext>
                </a:extLst>
              </p:cNvPr>
              <p:cNvPicPr/>
              <p:nvPr/>
            </p:nvPicPr>
            <p:blipFill>
              <a:blip r:embed="rId5"/>
              <a:stretch>
                <a:fillRect/>
              </a:stretch>
            </p:blipFill>
            <p:spPr>
              <a:xfrm>
                <a:off x="1634540" y="4468625"/>
                <a:ext cx="308867" cy="260379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">
            <p14:nvContentPartPr>
              <p14:cNvPr id="2" name="Pennanteckning 1">
                <a:extLst>
                  <a:ext uri="{FF2B5EF4-FFF2-40B4-BE49-F238E27FC236}">
                    <a16:creationId xmlns:a16="http://schemas.microsoft.com/office/drawing/2014/main" id="{27C00042-08E8-CCC7-B61F-6371719877FB}"/>
                  </a:ext>
                </a:extLst>
              </p14:cNvPr>
              <p14:cNvContentPartPr/>
              <p14:nvPr/>
            </p14:nvContentPartPr>
            <p14:xfrm>
              <a:off x="4812339" y="4521064"/>
              <a:ext cx="103748" cy="113640"/>
            </p14:xfrm>
          </p:contentPart>
        </mc:Choice>
        <mc:Fallback xmlns="">
          <p:pic>
            <p:nvPicPr>
              <p:cNvPr id="2" name="Pennanteckning 1">
                <a:extLst>
                  <a:ext uri="{FF2B5EF4-FFF2-40B4-BE49-F238E27FC236}">
                    <a16:creationId xmlns:a16="http://schemas.microsoft.com/office/drawing/2014/main" id="{27C00042-08E8-CCC7-B61F-6371719877FB}"/>
                  </a:ext>
                </a:extLst>
              </p:cNvPr>
              <p:cNvPicPr/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4749516" y="4458329"/>
                <a:ext cx="229035" cy="238752"/>
              </a:xfrm>
              <a:prstGeom prst="rect">
                <a:avLst/>
              </a:prstGeom>
            </p:spPr>
          </p:pic>
        </mc:Fallback>
      </mc:AlternateContent>
      <p:sp>
        <p:nvSpPr>
          <p:cNvPr id="6" name="textruta 5">
            <a:extLst>
              <a:ext uri="{FF2B5EF4-FFF2-40B4-BE49-F238E27FC236}">
                <a16:creationId xmlns:a16="http://schemas.microsoft.com/office/drawing/2014/main" id="{8CC2B5EF-5FF7-19AF-E97D-3CF1633FE8E6}"/>
              </a:ext>
            </a:extLst>
          </p:cNvPr>
          <p:cNvSpPr txBox="1"/>
          <p:nvPr/>
        </p:nvSpPr>
        <p:spPr>
          <a:xfrm>
            <a:off x="7434341" y="5147682"/>
            <a:ext cx="3654736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ctr">
              <a:spcBef>
                <a:spcPts val="432"/>
              </a:spcBef>
            </a:pPr>
            <a:r>
              <a:rPr lang="sv-SE">
                <a:latin typeface="+mn-lt"/>
                <a:ea typeface="ＭＳ Ｐゴシック"/>
                <a:cs typeface="Arial"/>
              </a:rPr>
              <a:t>E</a:t>
            </a:r>
            <a:r>
              <a:rPr lang="sv-SE" baseline="30000">
                <a:latin typeface="+mn-lt"/>
                <a:ea typeface="ＭＳ Ｐゴシック"/>
                <a:cs typeface="Arial"/>
              </a:rPr>
              <a:t>0'</a:t>
            </a:r>
            <a:r>
              <a:rPr lang="sv-SE" baseline="-25000">
                <a:latin typeface="+mn-lt"/>
                <a:ea typeface="ＭＳ Ｐゴシック"/>
                <a:cs typeface="Arial"/>
              </a:rPr>
              <a:t>pos</a:t>
            </a:r>
            <a:r>
              <a:rPr lang="sv-SE">
                <a:latin typeface="+mn-lt"/>
                <a:ea typeface="ＭＳ Ｐゴシック"/>
                <a:cs typeface="Arial"/>
              </a:rPr>
              <a:t> = 0.26 V           E</a:t>
            </a:r>
            <a:r>
              <a:rPr lang="sv-SE" baseline="30000">
                <a:latin typeface="+mn-lt"/>
                <a:ea typeface="ＭＳ Ｐゴシック"/>
                <a:cs typeface="Arial"/>
              </a:rPr>
              <a:t>0'</a:t>
            </a:r>
            <a:r>
              <a:rPr lang="sv-SE" baseline="-25000">
                <a:latin typeface="+mn-lt"/>
                <a:ea typeface="ＭＳ Ｐゴシック"/>
                <a:cs typeface="Arial"/>
              </a:rPr>
              <a:t>neg</a:t>
            </a:r>
            <a:r>
              <a:rPr lang="sv-SE">
                <a:latin typeface="+mn-lt"/>
                <a:ea typeface="ＭＳ Ｐゴシック"/>
                <a:cs typeface="Arial"/>
              </a:rPr>
              <a:t> = - 0.92 V</a:t>
            </a:r>
            <a:endParaRPr lang="sv-SE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567DABD-0DF5-8DBD-504E-127C62927307}"/>
              </a:ext>
            </a:extLst>
          </p:cNvPr>
          <p:cNvCxnSpPr>
            <a:cxnSpLocks/>
          </p:cNvCxnSpPr>
          <p:nvPr/>
        </p:nvCxnSpPr>
        <p:spPr bwMode="auto">
          <a:xfrm>
            <a:off x="5365881" y="2592357"/>
            <a:ext cx="0" cy="2160549"/>
          </a:xfrm>
          <a:prstGeom prst="line">
            <a:avLst/>
          </a:prstGeom>
          <a:ln w="9525" cap="flat" cmpd="sng" algn="ctr">
            <a:solidFill>
              <a:schemeClr val="accent2"/>
            </a:solidFill>
            <a:prstDash val="dash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sp>
        <p:nvSpPr>
          <p:cNvPr id="12" name="textruta 11">
            <a:extLst>
              <a:ext uri="{FF2B5EF4-FFF2-40B4-BE49-F238E27FC236}">
                <a16:creationId xmlns:a16="http://schemas.microsoft.com/office/drawing/2014/main" id="{B30B2DBD-605D-9C53-B283-4B3B8F1AA8F7}"/>
              </a:ext>
            </a:extLst>
          </p:cNvPr>
          <p:cNvSpPr txBox="1"/>
          <p:nvPr/>
        </p:nvSpPr>
        <p:spPr>
          <a:xfrm>
            <a:off x="642003" y="2156391"/>
            <a:ext cx="4815727" cy="184666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 sz="1200" err="1">
                <a:latin typeface="+mn-lt"/>
                <a:ea typeface="ＭＳ Ｐゴシック"/>
                <a:cs typeface="Arial"/>
              </a:rPr>
              <a:t>scan</a:t>
            </a:r>
            <a:r>
              <a:rPr lang="sv-SE" sz="1200">
                <a:latin typeface="+mn-lt"/>
                <a:ea typeface="ＭＳ Ｐゴシック"/>
                <a:cs typeface="Arial"/>
              </a:rPr>
              <a:t> rate: 50 </a:t>
            </a:r>
            <a:r>
              <a:rPr lang="sv-SE" sz="1200" err="1">
                <a:latin typeface="+mn-lt"/>
                <a:ea typeface="ＭＳ Ｐゴシック"/>
                <a:cs typeface="Arial"/>
              </a:rPr>
              <a:t>mV</a:t>
            </a:r>
            <a:r>
              <a:rPr lang="sv-SE" sz="1200">
                <a:latin typeface="+mn-lt"/>
                <a:ea typeface="ＭＳ Ｐゴシック"/>
                <a:cs typeface="Arial"/>
              </a:rPr>
              <a:t>/s</a:t>
            </a:r>
            <a:endParaRPr lang="sv-SE" sz="1200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54B9FC0-D5BA-158E-6577-9E4BB53F535A}"/>
              </a:ext>
            </a:extLst>
          </p:cNvPr>
          <p:cNvSpPr/>
          <p:nvPr/>
        </p:nvSpPr>
        <p:spPr bwMode="auto">
          <a:xfrm>
            <a:off x="8104411" y="3984489"/>
            <a:ext cx="2152856" cy="857058"/>
          </a:xfrm>
          <a:prstGeom prst="rect">
            <a:avLst/>
          </a:prstGeom>
          <a:solidFill>
            <a:schemeClr val="accent1">
              <a:alpha val="15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27BBFA20-C223-7CC1-06DE-D20C2F54DBB5}"/>
              </a:ext>
            </a:extLst>
          </p:cNvPr>
          <p:cNvSpPr txBox="1"/>
          <p:nvPr/>
        </p:nvSpPr>
        <p:spPr>
          <a:xfrm>
            <a:off x="8268511" y="5865779"/>
            <a:ext cx="2383276" cy="49171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en-GB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799645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ktangel: rundade hörn 8">
            <a:extLst>
              <a:ext uri="{FF2B5EF4-FFF2-40B4-BE49-F238E27FC236}">
                <a16:creationId xmlns:a16="http://schemas.microsoft.com/office/drawing/2014/main" id="{4F3445EE-C138-B67A-CE17-CDB41340588F}"/>
              </a:ext>
            </a:extLst>
          </p:cNvPr>
          <p:cNvSpPr/>
          <p:nvPr/>
        </p:nvSpPr>
        <p:spPr bwMode="auto">
          <a:xfrm>
            <a:off x="917440" y="582010"/>
            <a:ext cx="4876915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0236EE1E-3E88-8E11-F892-74376DB8C17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60843" y="187743"/>
            <a:ext cx="9659410" cy="972716"/>
          </a:xfrm>
        </p:spPr>
        <p:txBody>
          <a:bodyPr/>
          <a:lstStyle/>
          <a:p>
            <a:r>
              <a:rPr lang="en-SE">
                <a:solidFill>
                  <a:schemeClr val="bg1"/>
                </a:solidFill>
              </a:rPr>
              <a:t>Charge-</a:t>
            </a:r>
            <a:r>
              <a:rPr lang="it-IT">
                <a:solidFill>
                  <a:schemeClr val="bg1"/>
                </a:solidFill>
              </a:rPr>
              <a:t>D</a:t>
            </a:r>
            <a:r>
              <a:rPr lang="en-SE">
                <a:solidFill>
                  <a:schemeClr val="bg1"/>
                </a:solidFill>
              </a:rPr>
              <a:t>ischarg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92FEE4B-BB6D-8803-A1AD-444BDAA5CF9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/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3">
            <p14:nvContentPartPr>
              <p14:cNvPr id="15" name="Pennanteckning 14">
                <a:extLst>
                  <a:ext uri="{FF2B5EF4-FFF2-40B4-BE49-F238E27FC236}">
                    <a16:creationId xmlns:a16="http://schemas.microsoft.com/office/drawing/2014/main" id="{0EA3CF76-C092-8905-62FA-468100DD4FB9}"/>
                  </a:ext>
                </a:extLst>
              </p14:cNvPr>
              <p14:cNvContentPartPr/>
              <p14:nvPr/>
            </p14:nvContentPartPr>
            <p14:xfrm>
              <a:off x="1024067" y="3571402"/>
              <a:ext cx="183670" cy="135038"/>
            </p14:xfrm>
          </p:contentPart>
        </mc:Choice>
        <mc:Fallback xmlns="">
          <p:pic>
            <p:nvPicPr>
              <p:cNvPr id="15" name="Pennanteckning 14">
                <a:extLst>
                  <a:ext uri="{FF2B5EF4-FFF2-40B4-BE49-F238E27FC236}">
                    <a16:creationId xmlns:a16="http://schemas.microsoft.com/office/drawing/2014/main" id="{0EA3CF76-C092-8905-62FA-468100DD4FB9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961289" y="3508552"/>
                <a:ext cx="308867" cy="260379"/>
              </a:xfrm>
              <a:prstGeom prst="rect">
                <a:avLst/>
              </a:prstGeom>
            </p:spPr>
          </p:pic>
        </mc:Fallback>
      </mc:AlternateContent>
      <p:pic>
        <p:nvPicPr>
          <p:cNvPr id="16" name="Bildobjekt 16">
            <a:extLst>
              <a:ext uri="{FF2B5EF4-FFF2-40B4-BE49-F238E27FC236}">
                <a16:creationId xmlns:a16="http://schemas.microsoft.com/office/drawing/2014/main" id="{03DFFDA8-7112-4655-2680-7A3C5EAB5A4B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r="49034" b="-240"/>
          <a:stretch/>
        </p:blipFill>
        <p:spPr>
          <a:xfrm>
            <a:off x="1869065" y="1810455"/>
            <a:ext cx="4073374" cy="3576340"/>
          </a:xfrm>
          <a:prstGeom prst="rect">
            <a:avLst/>
          </a:prstGeom>
        </p:spPr>
      </p:pic>
      <p:pic>
        <p:nvPicPr>
          <p:cNvPr id="24" name="Bildobjekt 24">
            <a:extLst>
              <a:ext uri="{FF2B5EF4-FFF2-40B4-BE49-F238E27FC236}">
                <a16:creationId xmlns:a16="http://schemas.microsoft.com/office/drawing/2014/main" id="{45F54736-16C3-A180-96BC-7D1A159FAA0B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872761" y="1810173"/>
            <a:ext cx="4165143" cy="3660811"/>
          </a:xfrm>
          <a:prstGeom prst="rect">
            <a:avLst/>
          </a:prstGeom>
        </p:spPr>
      </p:pic>
      <mc:AlternateContent xmlns:mc="http://schemas.openxmlformats.org/markup-compatibility/2006" xmlns:p14="http://schemas.microsoft.com/office/powerpoint/2010/main">
        <mc:Choice Requires="p14">
          <p:contentPart p14:bwMode="auto" r:id="rId7">
            <p14:nvContentPartPr>
              <p14:cNvPr id="25" name="Pennanteckning 24">
                <a:extLst>
                  <a:ext uri="{FF2B5EF4-FFF2-40B4-BE49-F238E27FC236}">
                    <a16:creationId xmlns:a16="http://schemas.microsoft.com/office/drawing/2014/main" id="{88493659-A85D-837E-6EDB-7ACEC99BBE4C}"/>
                  </a:ext>
                </a:extLst>
              </p14:cNvPr>
              <p14:cNvContentPartPr/>
              <p14:nvPr/>
            </p14:nvContentPartPr>
            <p14:xfrm>
              <a:off x="8369769" y="3279336"/>
              <a:ext cx="14802" cy="14802"/>
            </p14:xfrm>
          </p:contentPart>
        </mc:Choice>
        <mc:Fallback xmlns="">
          <p:pic>
            <p:nvPicPr>
              <p:cNvPr id="25" name="Pennanteckning 24">
                <a:extLst>
                  <a:ext uri="{FF2B5EF4-FFF2-40B4-BE49-F238E27FC236}">
                    <a16:creationId xmlns:a16="http://schemas.microsoft.com/office/drawing/2014/main" id="{88493659-A85D-837E-6EDB-7ACEC99BBE4C}"/>
                  </a:ext>
                </a:extLst>
              </p:cNvPr>
              <p:cNvPicPr/>
              <p:nvPr/>
            </p:nvPicPr>
            <p:blipFill>
              <a:blip r:embed="rId8"/>
              <a:stretch>
                <a:fillRect/>
              </a:stretch>
            </p:blipFill>
            <p:spPr>
              <a:xfrm>
                <a:off x="7506319" y="688986"/>
                <a:ext cx="1736768" cy="51807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9">
            <p14:nvContentPartPr>
              <p14:cNvPr id="27" name="Pennanteckning 26">
                <a:extLst>
                  <a:ext uri="{FF2B5EF4-FFF2-40B4-BE49-F238E27FC236}">
                    <a16:creationId xmlns:a16="http://schemas.microsoft.com/office/drawing/2014/main" id="{A82C6F91-773A-3253-D22B-08FD0E52F7AE}"/>
                  </a:ext>
                </a:extLst>
              </p14:cNvPr>
              <p14:cNvContentPartPr/>
              <p14:nvPr/>
            </p14:nvContentPartPr>
            <p14:xfrm>
              <a:off x="8059690" y="6071949"/>
              <a:ext cx="171210" cy="208084"/>
            </p14:xfrm>
          </p:contentPart>
        </mc:Choice>
        <mc:Fallback xmlns="">
          <p:pic>
            <p:nvPicPr>
              <p:cNvPr id="27" name="Pennanteckning 26">
                <a:extLst>
                  <a:ext uri="{FF2B5EF4-FFF2-40B4-BE49-F238E27FC236}">
                    <a16:creationId xmlns:a16="http://schemas.microsoft.com/office/drawing/2014/main" id="{A82C6F91-773A-3253-D22B-08FD0E52F7AE}"/>
                  </a:ext>
                </a:extLst>
              </p:cNvPr>
              <p:cNvPicPr/>
              <p:nvPr/>
            </p:nvPicPr>
            <p:blipFill>
              <a:blip r:embed="rId10"/>
              <a:stretch>
                <a:fillRect/>
              </a:stretch>
            </p:blipFill>
            <p:spPr>
              <a:xfrm>
                <a:off x="7996745" y="6009057"/>
                <a:ext cx="296740" cy="333509"/>
              </a:xfrm>
              <a:prstGeom prst="rect">
                <a:avLst/>
              </a:prstGeom>
            </p:spPr>
          </p:pic>
        </mc:Fallback>
      </mc:AlternateContent>
      <p:sp>
        <p:nvSpPr>
          <p:cNvPr id="10" name="textruta 9">
            <a:extLst>
              <a:ext uri="{FF2B5EF4-FFF2-40B4-BE49-F238E27FC236}">
                <a16:creationId xmlns:a16="http://schemas.microsoft.com/office/drawing/2014/main" id="{442AA431-220E-B2C3-296C-C64C61880729}"/>
              </a:ext>
            </a:extLst>
          </p:cNvPr>
          <p:cNvSpPr txBox="1"/>
          <p:nvPr/>
        </p:nvSpPr>
        <p:spPr>
          <a:xfrm>
            <a:off x="2977022" y="5523169"/>
            <a:ext cx="2975205" cy="54373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>
                <a:latin typeface="+mn-lt"/>
                <a:ea typeface="ＭＳ Ｐゴシック"/>
                <a:cs typeface="Arial"/>
              </a:rPr>
              <a:t>Full </a:t>
            </a:r>
            <a:r>
              <a:rPr lang="sv-SE" err="1">
                <a:latin typeface="+mn-lt"/>
                <a:ea typeface="ＭＳ Ｐゴシック"/>
                <a:cs typeface="Arial"/>
              </a:rPr>
              <a:t>cycle</a:t>
            </a:r>
            <a:r>
              <a:rPr lang="sv-SE">
                <a:latin typeface="+mn-lt"/>
                <a:ea typeface="ＭＳ Ｐゴシック"/>
                <a:cs typeface="Arial"/>
              </a:rPr>
              <a:t> </a:t>
            </a:r>
            <a:r>
              <a:rPr lang="sv-SE" err="1">
                <a:latin typeface="+mn-lt"/>
                <a:ea typeface="ＭＳ Ｐゴシック"/>
                <a:cs typeface="Arial"/>
              </a:rPr>
              <a:t>took</a:t>
            </a:r>
            <a:r>
              <a:rPr lang="sv-SE">
                <a:latin typeface="+mn-lt"/>
                <a:ea typeface="ＭＳ Ｐゴシック"/>
                <a:cs typeface="Arial"/>
              </a:rPr>
              <a:t> 23.3 min</a:t>
            </a:r>
          </a:p>
          <a:p>
            <a:pPr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</p:txBody>
      </p:sp>
      <p:sp>
        <p:nvSpPr>
          <p:cNvPr id="12" name="Rektangel 11">
            <a:extLst>
              <a:ext uri="{FF2B5EF4-FFF2-40B4-BE49-F238E27FC236}">
                <a16:creationId xmlns:a16="http://schemas.microsoft.com/office/drawing/2014/main" id="{FD8959FC-C748-D663-7FBB-A1EDEE45073A}"/>
              </a:ext>
            </a:extLst>
          </p:cNvPr>
          <p:cNvSpPr/>
          <p:nvPr/>
        </p:nvSpPr>
        <p:spPr bwMode="auto">
          <a:xfrm>
            <a:off x="2546060" y="5384836"/>
            <a:ext cx="3171315" cy="591852"/>
          </a:xfrm>
          <a:prstGeom prst="rect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Rektangel 12">
            <a:extLst>
              <a:ext uri="{FF2B5EF4-FFF2-40B4-BE49-F238E27FC236}">
                <a16:creationId xmlns:a16="http://schemas.microsoft.com/office/drawing/2014/main" id="{5B195F52-2D26-F9E6-48B8-D301E744AE20}"/>
              </a:ext>
            </a:extLst>
          </p:cNvPr>
          <p:cNvSpPr/>
          <p:nvPr/>
        </p:nvSpPr>
        <p:spPr bwMode="auto">
          <a:xfrm>
            <a:off x="7421750" y="5384835"/>
            <a:ext cx="3248080" cy="591852"/>
          </a:xfrm>
          <a:prstGeom prst="rect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8" name="textruta 17">
            <a:extLst>
              <a:ext uri="{FF2B5EF4-FFF2-40B4-BE49-F238E27FC236}">
                <a16:creationId xmlns:a16="http://schemas.microsoft.com/office/drawing/2014/main" id="{337F0D07-06D8-C58D-2C30-21D1369730DE}"/>
              </a:ext>
            </a:extLst>
          </p:cNvPr>
          <p:cNvSpPr txBox="1"/>
          <p:nvPr/>
        </p:nvSpPr>
        <p:spPr>
          <a:xfrm>
            <a:off x="7691642" y="5523168"/>
            <a:ext cx="2975205" cy="841256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>
                <a:latin typeface="+mn-lt"/>
                <a:ea typeface="ＭＳ Ｐゴシック"/>
                <a:cs typeface="Arial"/>
              </a:rPr>
              <a:t>Loss of capacity</a:t>
            </a:r>
          </a:p>
          <a:p>
            <a:pPr>
              <a:spcBef>
                <a:spcPts val="432"/>
              </a:spcBef>
            </a:pPr>
            <a:endParaRPr lang="sv-SE">
              <a:latin typeface="+mn-lt"/>
              <a:ea typeface="ＭＳ Ｐゴシック"/>
              <a:cs typeface="Arial"/>
            </a:endParaRPr>
          </a:p>
          <a:p>
            <a:pPr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363270836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ktangel: rundade hörn 8">
            <a:extLst>
              <a:ext uri="{FF2B5EF4-FFF2-40B4-BE49-F238E27FC236}">
                <a16:creationId xmlns:a16="http://schemas.microsoft.com/office/drawing/2014/main" id="{4F3445EE-C138-B67A-CE17-CDB41340588F}"/>
              </a:ext>
            </a:extLst>
          </p:cNvPr>
          <p:cNvSpPr/>
          <p:nvPr/>
        </p:nvSpPr>
        <p:spPr bwMode="auto">
          <a:xfrm>
            <a:off x="917440" y="582010"/>
            <a:ext cx="4876915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0236EE1E-3E88-8E11-F892-74376DB8C17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60843" y="187743"/>
            <a:ext cx="9659410" cy="972716"/>
          </a:xfrm>
        </p:spPr>
        <p:txBody>
          <a:bodyPr/>
          <a:lstStyle/>
          <a:p>
            <a:r>
              <a:rPr lang="en-SE">
                <a:solidFill>
                  <a:schemeClr val="bg1"/>
                </a:solidFill>
              </a:rPr>
              <a:t>Charge-</a:t>
            </a:r>
            <a:r>
              <a:rPr lang="it-IT">
                <a:solidFill>
                  <a:schemeClr val="bg1"/>
                </a:solidFill>
              </a:rPr>
              <a:t>D</a:t>
            </a:r>
            <a:r>
              <a:rPr lang="en-SE">
                <a:solidFill>
                  <a:schemeClr val="bg1"/>
                </a:solidFill>
              </a:rPr>
              <a:t>ischarg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92FEE4B-BB6D-8803-A1AD-444BDAA5CF9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/>
          </a:p>
        </p:txBody>
      </p:sp>
      <p:sp>
        <p:nvSpPr>
          <p:cNvPr id="3" name="textruta 2">
            <a:extLst>
              <a:ext uri="{FF2B5EF4-FFF2-40B4-BE49-F238E27FC236}">
                <a16:creationId xmlns:a16="http://schemas.microsoft.com/office/drawing/2014/main" id="{FA3B3913-113B-2D76-0B58-5B12C8D69022}"/>
              </a:ext>
            </a:extLst>
          </p:cNvPr>
          <p:cNvSpPr txBox="1"/>
          <p:nvPr/>
        </p:nvSpPr>
        <p:spPr>
          <a:xfrm>
            <a:off x="1068717" y="4022170"/>
            <a:ext cx="9087266" cy="276998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endParaRPr lang="sv-SE">
              <a:latin typeface="Arial"/>
              <a:ea typeface="ＭＳ Ｐゴシック"/>
              <a:cs typeface="Arial"/>
            </a:endParaRPr>
          </a:p>
          <a:p>
            <a:pPr>
              <a:lnSpc>
                <a:spcPct val="200000"/>
              </a:lnSpc>
              <a:spcBef>
                <a:spcPts val="432"/>
              </a:spcBef>
            </a:pPr>
            <a:r>
              <a:rPr lang="sv-SE" b="1" err="1">
                <a:latin typeface="Arial"/>
                <a:ea typeface="ＭＳ Ｐゴシック"/>
                <a:cs typeface="Arial"/>
              </a:rPr>
              <a:t>Increasing</a:t>
            </a:r>
            <a:r>
              <a:rPr lang="sv-SE" b="1">
                <a:latin typeface="Arial"/>
                <a:ea typeface="ＭＳ Ｐゴシック"/>
                <a:cs typeface="Arial"/>
              </a:rPr>
              <a:t> </a:t>
            </a:r>
            <a:r>
              <a:rPr lang="sv-SE" b="1" err="1">
                <a:latin typeface="Arial"/>
                <a:ea typeface="ＭＳ Ｐゴシック"/>
                <a:cs typeface="Arial"/>
              </a:rPr>
              <a:t>time</a:t>
            </a:r>
            <a:r>
              <a:rPr lang="sv-SE" b="1">
                <a:latin typeface="Arial"/>
                <a:ea typeface="ＭＳ Ｐゴシック"/>
                <a:cs typeface="Arial"/>
              </a:rPr>
              <a:t> i.e. </a:t>
            </a:r>
            <a:r>
              <a:rPr lang="sv-SE" b="1" err="1">
                <a:latin typeface="Arial"/>
                <a:ea typeface="ＭＳ Ｐゴシック"/>
                <a:cs typeface="Arial"/>
              </a:rPr>
              <a:t>lower</a:t>
            </a:r>
            <a:r>
              <a:rPr lang="sv-SE" b="1">
                <a:latin typeface="Arial"/>
                <a:ea typeface="ＭＳ Ｐゴシック"/>
                <a:cs typeface="Arial"/>
              </a:rPr>
              <a:t> C-rate:</a:t>
            </a:r>
            <a:endParaRPr lang="sv-SE" b="1">
              <a:latin typeface="Arial"/>
              <a:cs typeface="Arial"/>
            </a:endParaRPr>
          </a:p>
          <a:p>
            <a:pPr marL="285750" indent="-285750">
              <a:lnSpc>
                <a:spcPct val="200000"/>
              </a:lnSpc>
              <a:spcBef>
                <a:spcPts val="432"/>
              </a:spcBef>
              <a:buFont typeface="Arial"/>
              <a:buChar char="•"/>
            </a:pPr>
            <a:r>
              <a:rPr lang="sv-SE">
                <a:latin typeface="Arial"/>
                <a:ea typeface="ＭＳ Ｐゴシック"/>
                <a:cs typeface="Arial"/>
              </a:rPr>
              <a:t>Expect stationary CE and increased VE</a:t>
            </a:r>
            <a:endParaRPr lang="sv-SE" b="1" err="1">
              <a:latin typeface="Arial"/>
              <a:ea typeface="ＭＳ Ｐゴシック"/>
              <a:cs typeface="Arial"/>
            </a:endParaRPr>
          </a:p>
          <a:p>
            <a:pPr marL="285750" indent="-285750">
              <a:lnSpc>
                <a:spcPct val="200000"/>
              </a:lnSpc>
              <a:spcBef>
                <a:spcPts val="432"/>
              </a:spcBef>
              <a:buFont typeface="Arial"/>
              <a:buChar char="•"/>
            </a:pPr>
            <a:r>
              <a:rPr lang="sv-SE">
                <a:latin typeface="Arial"/>
                <a:ea typeface="ＭＳ Ｐゴシック"/>
                <a:cs typeface="Arial"/>
              </a:rPr>
              <a:t>However, a open-to-atmosphere-cell </a:t>
            </a:r>
            <a:r>
              <a:rPr lang="sv-SE" err="1">
                <a:latin typeface="Arial"/>
                <a:ea typeface="ＭＳ Ｐゴシック"/>
                <a:cs typeface="Arial"/>
              </a:rPr>
              <a:t>leads</a:t>
            </a:r>
            <a:r>
              <a:rPr lang="sv-SE">
                <a:latin typeface="Arial"/>
                <a:ea typeface="ＭＳ Ｐゴシック"/>
                <a:cs typeface="Arial"/>
              </a:rPr>
              <a:t> to </a:t>
            </a:r>
            <a:r>
              <a:rPr lang="sv-SE" err="1">
                <a:latin typeface="Arial"/>
                <a:ea typeface="ＭＳ Ｐゴシック"/>
                <a:cs typeface="Arial"/>
              </a:rPr>
              <a:t>side</a:t>
            </a:r>
            <a:r>
              <a:rPr lang="sv-SE">
                <a:latin typeface="Arial"/>
                <a:ea typeface="ＭＳ Ｐゴシック"/>
                <a:cs typeface="Arial"/>
              </a:rPr>
              <a:t> reactions</a:t>
            </a:r>
            <a:endParaRPr lang="sv-SE">
              <a:highlight>
                <a:srgbClr val="FFFF00"/>
              </a:highlight>
              <a:latin typeface="Arial"/>
              <a:cs typeface="Arial"/>
            </a:endParaRPr>
          </a:p>
          <a:p>
            <a:pPr>
              <a:spcBef>
                <a:spcPts val="432"/>
              </a:spcBef>
            </a:pPr>
            <a:endParaRPr lang="sv-SE">
              <a:latin typeface="Arial"/>
              <a:cs typeface="Arial"/>
            </a:endParaRPr>
          </a:p>
          <a:p>
            <a:pPr>
              <a:spcBef>
                <a:spcPts val="432"/>
              </a:spcBef>
            </a:pPr>
            <a:endParaRPr lang="sv-SE">
              <a:latin typeface="Arial"/>
              <a:cs typeface="Arial"/>
            </a:endParaRPr>
          </a:p>
          <a:p>
            <a:pPr>
              <a:spcBef>
                <a:spcPts val="432"/>
              </a:spcBef>
            </a:pPr>
            <a:endParaRPr lang="sv-SE">
              <a:latin typeface="Arial"/>
              <a:cs typeface="Arial"/>
            </a:endParaRPr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3">
            <p14:nvContentPartPr>
              <p14:cNvPr id="15" name="Pennanteckning 14">
                <a:extLst>
                  <a:ext uri="{FF2B5EF4-FFF2-40B4-BE49-F238E27FC236}">
                    <a16:creationId xmlns:a16="http://schemas.microsoft.com/office/drawing/2014/main" id="{0EA3CF76-C092-8905-62FA-468100DD4FB9}"/>
                  </a:ext>
                </a:extLst>
              </p14:cNvPr>
              <p14:cNvContentPartPr/>
              <p14:nvPr/>
            </p14:nvContentPartPr>
            <p14:xfrm>
              <a:off x="1024067" y="3571402"/>
              <a:ext cx="183670" cy="135038"/>
            </p14:xfrm>
          </p:contentPart>
        </mc:Choice>
        <mc:Fallback xmlns="">
          <p:pic>
            <p:nvPicPr>
              <p:cNvPr id="15" name="Pennanteckning 14">
                <a:extLst>
                  <a:ext uri="{FF2B5EF4-FFF2-40B4-BE49-F238E27FC236}">
                    <a16:creationId xmlns:a16="http://schemas.microsoft.com/office/drawing/2014/main" id="{0EA3CF76-C092-8905-62FA-468100DD4FB9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961289" y="3508552"/>
                <a:ext cx="308867" cy="260379"/>
              </a:xfrm>
              <a:prstGeom prst="rect">
                <a:avLst/>
              </a:prstGeom>
            </p:spPr>
          </p:pic>
        </mc:Fallback>
      </mc:AlternateContent>
      <p:pic>
        <p:nvPicPr>
          <p:cNvPr id="20" name="Bildobjekt 20" descr="En bild som visar text&#10;&#10;Automatiskt genererad beskrivning">
            <a:extLst>
              <a:ext uri="{FF2B5EF4-FFF2-40B4-BE49-F238E27FC236}">
                <a16:creationId xmlns:a16="http://schemas.microsoft.com/office/drawing/2014/main" id="{DBF66DBE-B975-9BF1-11E6-E4DCDE40EAD8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r="-230" b="13265"/>
          <a:stretch/>
        </p:blipFill>
        <p:spPr>
          <a:xfrm>
            <a:off x="3444844" y="2042310"/>
            <a:ext cx="3275262" cy="637306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CE756EE7-8EA7-502A-C95E-096535F9B19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634111" y="2848433"/>
            <a:ext cx="2891863" cy="635076"/>
          </a:xfrm>
          <a:prstGeom prst="rect">
            <a:avLst/>
          </a:prstGeom>
        </p:spPr>
      </p:pic>
      <mc:AlternateContent xmlns:mc="http://schemas.openxmlformats.org/markup-compatibility/2006" xmlns:p14="http://schemas.microsoft.com/office/powerpoint/2010/main">
        <mc:Choice Requires="p14">
          <p:contentPart p14:bwMode="auto" r:id="rId7">
            <p14:nvContentPartPr>
              <p14:cNvPr id="25" name="Pennanteckning 24">
                <a:extLst>
                  <a:ext uri="{FF2B5EF4-FFF2-40B4-BE49-F238E27FC236}">
                    <a16:creationId xmlns:a16="http://schemas.microsoft.com/office/drawing/2014/main" id="{88493659-A85D-837E-6EDB-7ACEC99BBE4C}"/>
                  </a:ext>
                </a:extLst>
              </p14:cNvPr>
              <p14:cNvContentPartPr/>
              <p14:nvPr/>
            </p14:nvContentPartPr>
            <p14:xfrm>
              <a:off x="10365680" y="4016590"/>
              <a:ext cx="14802" cy="14802"/>
            </p14:xfrm>
          </p:contentPart>
        </mc:Choice>
        <mc:Fallback xmlns="">
          <p:pic>
            <p:nvPicPr>
              <p:cNvPr id="25" name="Pennanteckning 24">
                <a:extLst>
                  <a:ext uri="{FF2B5EF4-FFF2-40B4-BE49-F238E27FC236}">
                    <a16:creationId xmlns:a16="http://schemas.microsoft.com/office/drawing/2014/main" id="{88493659-A85D-837E-6EDB-7ACEC99BBE4C}"/>
                  </a:ext>
                </a:extLst>
              </p:cNvPr>
              <p:cNvPicPr/>
              <p:nvPr/>
            </p:nvPicPr>
            <p:blipFill>
              <a:blip r:embed="rId8"/>
              <a:stretch>
                <a:fillRect/>
              </a:stretch>
            </p:blipFill>
            <p:spPr>
              <a:xfrm>
                <a:off x="9502230" y="1426240"/>
                <a:ext cx="1736768" cy="51807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9">
            <p14:nvContentPartPr>
              <p14:cNvPr id="26" name="Pennanteckning 25">
                <a:extLst>
                  <a:ext uri="{FF2B5EF4-FFF2-40B4-BE49-F238E27FC236}">
                    <a16:creationId xmlns:a16="http://schemas.microsoft.com/office/drawing/2014/main" id="{AD8DC581-5E4B-5CF9-6428-E61E2E3EEDEA}"/>
                  </a:ext>
                </a:extLst>
              </p14:cNvPr>
              <p14:cNvContentPartPr/>
              <p14:nvPr/>
            </p14:nvContentPartPr>
            <p14:xfrm>
              <a:off x="10222058" y="4238740"/>
              <a:ext cx="135137" cy="159391"/>
            </p14:xfrm>
          </p:contentPart>
        </mc:Choice>
        <mc:Fallback xmlns="">
          <p:pic>
            <p:nvPicPr>
              <p:cNvPr id="26" name="Pennanteckning 25">
                <a:extLst>
                  <a:ext uri="{FF2B5EF4-FFF2-40B4-BE49-F238E27FC236}">
                    <a16:creationId xmlns:a16="http://schemas.microsoft.com/office/drawing/2014/main" id="{AD8DC581-5E4B-5CF9-6428-E61E2E3EEDEA}"/>
                  </a:ext>
                </a:extLst>
              </p:cNvPr>
              <p:cNvPicPr/>
              <p:nvPr/>
            </p:nvPicPr>
            <p:blipFill>
              <a:blip r:embed="rId10"/>
              <a:stretch>
                <a:fillRect/>
              </a:stretch>
            </p:blipFill>
            <p:spPr>
              <a:xfrm>
                <a:off x="10159329" y="4175917"/>
                <a:ext cx="260237" cy="284678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1">
            <p14:nvContentPartPr>
              <p14:cNvPr id="27" name="Pennanteckning 26">
                <a:extLst>
                  <a:ext uri="{FF2B5EF4-FFF2-40B4-BE49-F238E27FC236}">
                    <a16:creationId xmlns:a16="http://schemas.microsoft.com/office/drawing/2014/main" id="{A82C6F91-773A-3253-D22B-08FD0E52F7AE}"/>
                  </a:ext>
                </a:extLst>
              </p14:cNvPr>
              <p14:cNvContentPartPr/>
              <p14:nvPr/>
            </p14:nvContentPartPr>
            <p14:xfrm>
              <a:off x="8059690" y="6071949"/>
              <a:ext cx="171210" cy="208084"/>
            </p14:xfrm>
          </p:contentPart>
        </mc:Choice>
        <mc:Fallback xmlns="">
          <p:pic>
            <p:nvPicPr>
              <p:cNvPr id="27" name="Pennanteckning 26">
                <a:extLst>
                  <a:ext uri="{FF2B5EF4-FFF2-40B4-BE49-F238E27FC236}">
                    <a16:creationId xmlns:a16="http://schemas.microsoft.com/office/drawing/2014/main" id="{A82C6F91-773A-3253-D22B-08FD0E52F7AE}"/>
                  </a:ext>
                </a:extLst>
              </p:cNvPr>
              <p:cNvPicPr/>
              <p:nvPr/>
            </p:nvPicPr>
            <p:blipFill>
              <a:blip r:embed="rId12"/>
              <a:stretch>
                <a:fillRect/>
              </a:stretch>
            </p:blipFill>
            <p:spPr>
              <a:xfrm>
                <a:off x="7996745" y="6009057"/>
                <a:ext cx="296740" cy="333509"/>
              </a:xfrm>
              <a:prstGeom prst="rect">
                <a:avLst/>
              </a:prstGeom>
            </p:spPr>
          </p:pic>
        </mc:Fallback>
      </mc:AlternateContent>
      <p:sp>
        <p:nvSpPr>
          <p:cNvPr id="33" name="Höger klammerparentes 32">
            <a:extLst>
              <a:ext uri="{FF2B5EF4-FFF2-40B4-BE49-F238E27FC236}">
                <a16:creationId xmlns:a16="http://schemas.microsoft.com/office/drawing/2014/main" id="{F0363F09-764F-82FE-1EC6-DF9370414911}"/>
              </a:ext>
            </a:extLst>
          </p:cNvPr>
          <p:cNvSpPr/>
          <p:nvPr/>
        </p:nvSpPr>
        <p:spPr bwMode="auto">
          <a:xfrm>
            <a:off x="6445123" y="2224618"/>
            <a:ext cx="257159" cy="1130957"/>
          </a:xfrm>
          <a:prstGeom prst="rightBrace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rtlCol="0" anchor="ctr"/>
          <a:lstStyle/>
          <a:p>
            <a:pPr algn="ctr"/>
            <a:endParaRPr lang="sv-SE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19EE8700-6CF6-8816-1FEF-D2FDB2D5FE1C}"/>
              </a:ext>
            </a:extLst>
          </p:cNvPr>
          <p:cNvSpPr/>
          <p:nvPr/>
        </p:nvSpPr>
        <p:spPr bwMode="auto">
          <a:xfrm>
            <a:off x="3634110" y="1991375"/>
            <a:ext cx="6281107" cy="1612936"/>
          </a:xfrm>
          <a:prstGeom prst="rect">
            <a:avLst/>
          </a:prstGeom>
          <a:solidFill>
            <a:schemeClr val="accent1">
              <a:alpha val="15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2" name="Picture 4">
            <a:extLst>
              <a:ext uri="{FF2B5EF4-FFF2-40B4-BE49-F238E27FC236}">
                <a16:creationId xmlns:a16="http://schemas.microsoft.com/office/drawing/2014/main" id="{0CF96E68-2060-BE0E-4936-9A45084CAE81}"/>
              </a:ext>
            </a:extLst>
          </p:cNvPr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6666678" y="2555823"/>
            <a:ext cx="3329163" cy="477597"/>
          </a:xfrm>
          <a:prstGeom prst="rect">
            <a:avLst/>
          </a:prstGeom>
        </p:spPr>
      </p:pic>
      <p:pic>
        <p:nvPicPr>
          <p:cNvPr id="5" name="Bildobjekt 7" descr="En bild som visar text&#10;&#10;Automatiskt genererad beskrivning">
            <a:extLst>
              <a:ext uri="{FF2B5EF4-FFF2-40B4-BE49-F238E27FC236}">
                <a16:creationId xmlns:a16="http://schemas.microsoft.com/office/drawing/2014/main" id="{1CF694FD-EB5F-C26E-8147-170D6FE45B99}"/>
              </a:ext>
            </a:extLst>
          </p:cNvPr>
          <p:cNvPicPr>
            <a:picLocks noChangeAspect="1"/>
          </p:cNvPicPr>
          <p:nvPr/>
        </p:nvPicPr>
        <p:blipFill>
          <a:blip r:embed="rId14"/>
          <a:stretch>
            <a:fillRect/>
          </a:stretch>
        </p:blipFill>
        <p:spPr>
          <a:xfrm>
            <a:off x="718203" y="2004357"/>
            <a:ext cx="2742075" cy="1712686"/>
          </a:xfrm>
          <a:prstGeom prst="rect">
            <a:avLst/>
          </a:prstGeom>
        </p:spPr>
      </p:pic>
      <p:sp>
        <p:nvSpPr>
          <p:cNvPr id="8" name="textruta 7">
            <a:extLst>
              <a:ext uri="{FF2B5EF4-FFF2-40B4-BE49-F238E27FC236}">
                <a16:creationId xmlns:a16="http://schemas.microsoft.com/office/drawing/2014/main" id="{0C029996-B5EC-EF84-AFA7-04471D24DD88}"/>
              </a:ext>
            </a:extLst>
          </p:cNvPr>
          <p:cNvSpPr txBox="1"/>
          <p:nvPr/>
        </p:nvSpPr>
        <p:spPr>
          <a:xfrm>
            <a:off x="10064319" y="2455040"/>
            <a:ext cx="951113" cy="492443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ctr">
              <a:spcBef>
                <a:spcPts val="432"/>
              </a:spcBef>
            </a:pPr>
            <a:r>
              <a:rPr lang="sv-SE" err="1">
                <a:latin typeface="Calibri"/>
                <a:ea typeface="ＭＳ Ｐゴシック"/>
                <a:cs typeface="Arial"/>
              </a:rPr>
              <a:t>Relatively</a:t>
            </a:r>
            <a:r>
              <a:rPr lang="sv-SE">
                <a:latin typeface="Calibri"/>
                <a:ea typeface="ＭＳ Ｐゴシック"/>
                <a:cs typeface="Arial"/>
              </a:rPr>
              <a:t> </a:t>
            </a:r>
            <a:r>
              <a:rPr lang="sv-SE" err="1">
                <a:latin typeface="Calibri"/>
                <a:ea typeface="ＭＳ Ｐゴシック"/>
                <a:cs typeface="Arial"/>
              </a:rPr>
              <a:t>good</a:t>
            </a:r>
            <a:r>
              <a:rPr lang="sv-SE">
                <a:latin typeface="Calibri"/>
                <a:ea typeface="ＭＳ Ｐゴシック"/>
                <a:cs typeface="Arial"/>
              </a:rPr>
              <a:t>! </a:t>
            </a:r>
            <a:endParaRPr lang="sv-SE" err="1">
              <a:latin typeface="Calibri"/>
            </a:endParaRPr>
          </a:p>
        </p:txBody>
      </p:sp>
    </p:spTree>
    <p:extLst>
      <p:ext uri="{BB962C8B-B14F-4D97-AF65-F5344CB8AC3E}">
        <p14:creationId xmlns:p14="http://schemas.microsoft.com/office/powerpoint/2010/main" val="397983355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ruta 1">
            <a:extLst>
              <a:ext uri="{FF2B5EF4-FFF2-40B4-BE49-F238E27FC236}">
                <a16:creationId xmlns:a16="http://schemas.microsoft.com/office/drawing/2014/main" id="{386A0A3F-0987-CD07-9077-784FC812F19A}"/>
              </a:ext>
            </a:extLst>
          </p:cNvPr>
          <p:cNvSpPr txBox="1">
            <a:spLocks/>
          </p:cNvSpPr>
          <p:nvPr/>
        </p:nvSpPr>
        <p:spPr>
          <a:xfrm>
            <a:off x="5517274" y="1569450"/>
            <a:ext cx="5522531" cy="3416320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 b="1" err="1">
                <a:latin typeface="+mn-lt"/>
                <a:ea typeface="ＭＳ Ｐゴシック"/>
                <a:cs typeface="Arial"/>
              </a:rPr>
              <a:t>Theoretical</a:t>
            </a:r>
            <a:r>
              <a:rPr lang="sv-SE" b="1">
                <a:latin typeface="+mn-lt"/>
                <a:ea typeface="ＭＳ Ｐゴシック"/>
                <a:cs typeface="Arial"/>
              </a:rPr>
              <a:t> overall cell potential </a:t>
            </a:r>
            <a:r>
              <a:rPr lang="sv-SE">
                <a:latin typeface="+mn-lt"/>
                <a:ea typeface="ＭＳ Ｐゴシック"/>
                <a:cs typeface="Arial"/>
              </a:rPr>
              <a:t>as </a:t>
            </a:r>
            <a:r>
              <a:rPr lang="sv-SE" err="1">
                <a:latin typeface="+mn-lt"/>
                <a:ea typeface="ＭＳ Ｐゴシック"/>
                <a:cs typeface="Arial"/>
              </a:rPr>
              <a:t>function</a:t>
            </a:r>
            <a:r>
              <a:rPr lang="sv-SE">
                <a:latin typeface="+mn-lt"/>
                <a:ea typeface="ＭＳ Ｐゴシック"/>
                <a:cs typeface="Arial"/>
              </a:rPr>
              <a:t> </a:t>
            </a:r>
            <a:r>
              <a:rPr lang="sv-SE" err="1">
                <a:latin typeface="+mn-lt"/>
                <a:ea typeface="ＭＳ Ｐゴシック"/>
                <a:cs typeface="Arial"/>
              </a:rPr>
              <a:t>of</a:t>
            </a:r>
            <a:r>
              <a:rPr lang="sv-SE">
                <a:latin typeface="+mn-lt"/>
                <a:ea typeface="ＭＳ Ｐゴシック"/>
                <a:cs typeface="Arial"/>
              </a:rPr>
              <a:t> SOC: </a:t>
            </a:r>
            <a:endParaRPr lang="sv-SE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r>
              <a:rPr lang="sv-SE">
                <a:latin typeface="+mn-lt"/>
                <a:ea typeface="ＭＳ Ｐゴシック"/>
                <a:cs typeface="Arial"/>
              </a:rPr>
              <a:t>                                                                                     </a:t>
            </a:r>
            <a:endParaRPr lang="sv-SE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endParaRPr lang="sv-SE">
              <a:latin typeface="+mn-lt"/>
              <a:ea typeface="ＭＳ Ｐゴシック"/>
              <a:cs typeface="Arial"/>
            </a:endParaRPr>
          </a:p>
          <a:p>
            <a:pPr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sv-SE">
              <a:latin typeface="+mn-lt"/>
              <a:ea typeface="ＭＳ Ｐゴシック"/>
              <a:cs typeface="Arial"/>
            </a:endParaRPr>
          </a:p>
          <a:p>
            <a:pPr>
              <a:lnSpc>
                <a:spcPct val="200000"/>
              </a:lnSpc>
              <a:spcBef>
                <a:spcPts val="432"/>
              </a:spcBef>
            </a:pPr>
            <a:r>
              <a:rPr lang="sv-SE" err="1">
                <a:latin typeface="+mn-lt"/>
                <a:ea typeface="ＭＳ Ｐゴシック"/>
                <a:cs typeface="Arial"/>
              </a:rPr>
              <a:t>Using</a:t>
            </a:r>
            <a:r>
              <a:rPr lang="sv-SE">
                <a:latin typeface="+mn-lt"/>
                <a:ea typeface="ＭＳ Ｐゴシック"/>
                <a:cs typeface="Arial"/>
              </a:rPr>
              <a:t> the </a:t>
            </a:r>
            <a:r>
              <a:rPr lang="sv-SE" b="1">
                <a:latin typeface="+mn-lt"/>
                <a:ea typeface="ＭＳ Ｐゴシック"/>
                <a:cs typeface="Arial"/>
              </a:rPr>
              <a:t>redox potential </a:t>
            </a:r>
            <a:r>
              <a:rPr lang="sv-SE" err="1">
                <a:latin typeface="+mn-lt"/>
                <a:ea typeface="ＭＳ Ｐゴシック"/>
                <a:cs typeface="Arial"/>
              </a:rPr>
              <a:t>values</a:t>
            </a:r>
            <a:r>
              <a:rPr lang="sv-SE">
                <a:latin typeface="+mn-lt"/>
                <a:ea typeface="ＭＳ Ｐゴシック"/>
                <a:cs typeface="Arial"/>
              </a:rPr>
              <a:t> : </a:t>
            </a:r>
            <a:endParaRPr lang="sv-SE">
              <a:ea typeface="ＭＳ Ｐゴシック"/>
            </a:endParaRPr>
          </a:p>
          <a:p>
            <a:pPr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r>
              <a:rPr lang="sv-SE" err="1">
                <a:solidFill>
                  <a:schemeClr val="tx1">
                    <a:lumMod val="95000"/>
                    <a:lumOff val="5000"/>
                  </a:schemeClr>
                </a:solidFill>
                <a:latin typeface="+mn-lt"/>
                <a:ea typeface="ＭＳ Ｐゴシック"/>
                <a:cs typeface="Arial"/>
              </a:rPr>
              <a:t>This</a:t>
            </a:r>
            <a:r>
              <a:rPr lang="sv-SE">
                <a:solidFill>
                  <a:schemeClr val="tx1">
                    <a:lumMod val="95000"/>
                    <a:lumOff val="5000"/>
                  </a:schemeClr>
                </a:solidFill>
                <a:latin typeface="+mn-lt"/>
                <a:ea typeface="ＭＳ Ｐゴシック"/>
                <a:cs typeface="Arial"/>
              </a:rPr>
              <a:t> </a:t>
            </a:r>
            <a:r>
              <a:rPr lang="sv-SE" err="1">
                <a:solidFill>
                  <a:schemeClr val="tx1">
                    <a:lumMod val="95000"/>
                    <a:lumOff val="5000"/>
                  </a:schemeClr>
                </a:solidFill>
                <a:latin typeface="+mn-lt"/>
                <a:ea typeface="ＭＳ Ｐゴシック"/>
                <a:cs typeface="Arial"/>
              </a:rPr>
              <a:t>should</a:t>
            </a:r>
            <a:r>
              <a:rPr lang="sv-SE">
                <a:solidFill>
                  <a:schemeClr val="tx1">
                    <a:lumMod val="95000"/>
                    <a:lumOff val="5000"/>
                  </a:schemeClr>
                </a:solidFill>
                <a:latin typeface="+mn-lt"/>
                <a:ea typeface="ＭＳ Ｐゴシック"/>
                <a:cs typeface="Arial"/>
              </a:rPr>
              <a:t> be </a:t>
            </a:r>
            <a:r>
              <a:rPr lang="sv-SE" err="1">
                <a:solidFill>
                  <a:schemeClr val="tx1">
                    <a:lumMod val="95000"/>
                    <a:lumOff val="5000"/>
                  </a:schemeClr>
                </a:solidFill>
                <a:latin typeface="+mn-lt"/>
                <a:ea typeface="ＭＳ Ｐゴシック"/>
                <a:cs typeface="Arial"/>
              </a:rPr>
              <a:t>compared</a:t>
            </a:r>
            <a:r>
              <a:rPr lang="sv-SE">
                <a:solidFill>
                  <a:schemeClr val="tx1">
                    <a:lumMod val="95000"/>
                    <a:lumOff val="5000"/>
                  </a:schemeClr>
                </a:solidFill>
                <a:latin typeface="+mn-lt"/>
                <a:ea typeface="ＭＳ Ｐゴシック"/>
                <a:cs typeface="Arial"/>
              </a:rPr>
              <a:t> to </a:t>
            </a:r>
            <a:r>
              <a:rPr lang="sv-SE" b="1">
                <a:solidFill>
                  <a:schemeClr val="tx1">
                    <a:lumMod val="95000"/>
                    <a:lumOff val="5000"/>
                  </a:schemeClr>
                </a:solidFill>
                <a:latin typeface="+mn-lt"/>
                <a:ea typeface="ＭＳ Ｐゴシック"/>
                <a:cs typeface="Arial"/>
              </a:rPr>
              <a:t>the experimental SOC</a:t>
            </a:r>
            <a:r>
              <a:rPr lang="sv-SE">
                <a:solidFill>
                  <a:schemeClr val="tx1">
                    <a:lumMod val="95000"/>
                    <a:lumOff val="5000"/>
                  </a:schemeClr>
                </a:solidFill>
                <a:latin typeface="+mn-lt"/>
                <a:ea typeface="ＭＳ Ｐゴシック"/>
                <a:cs typeface="Arial"/>
              </a:rPr>
              <a:t> for charge and discharge:</a:t>
            </a:r>
            <a:endParaRPr lang="sv-SE">
              <a:solidFill>
                <a:schemeClr val="tx1">
                  <a:lumMod val="95000"/>
                  <a:lumOff val="5000"/>
                </a:schemeClr>
              </a:solidFill>
              <a:latin typeface="Arial"/>
              <a:ea typeface="ＭＳ Ｐゴシック"/>
              <a:cs typeface="Arial"/>
            </a:endParaRPr>
          </a:p>
        </p:txBody>
      </p:sp>
      <p:sp>
        <p:nvSpPr>
          <p:cNvPr id="5" name="Rektangel: rundade hörn 4">
            <a:extLst>
              <a:ext uri="{FF2B5EF4-FFF2-40B4-BE49-F238E27FC236}">
                <a16:creationId xmlns:a16="http://schemas.microsoft.com/office/drawing/2014/main" id="{620D62F0-9698-9616-E382-29FCFC1784A8}"/>
              </a:ext>
            </a:extLst>
          </p:cNvPr>
          <p:cNvSpPr/>
          <p:nvPr/>
        </p:nvSpPr>
        <p:spPr bwMode="auto">
          <a:xfrm>
            <a:off x="1277978" y="593266"/>
            <a:ext cx="5331216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Rektangel: rundade hörn 8">
            <a:extLst>
              <a:ext uri="{FF2B5EF4-FFF2-40B4-BE49-F238E27FC236}">
                <a16:creationId xmlns:a16="http://schemas.microsoft.com/office/drawing/2014/main" id="{4F3445EE-C138-B67A-CE17-CDB41340588F}"/>
              </a:ext>
            </a:extLst>
          </p:cNvPr>
          <p:cNvSpPr/>
          <p:nvPr/>
        </p:nvSpPr>
        <p:spPr bwMode="auto">
          <a:xfrm>
            <a:off x="1277978" y="593266"/>
            <a:ext cx="4876915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0236EE1E-3E88-8E11-F892-74376DB8C17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21381" y="198999"/>
            <a:ext cx="9665719" cy="972716"/>
          </a:xfrm>
        </p:spPr>
        <p:txBody>
          <a:bodyPr/>
          <a:lstStyle/>
          <a:p>
            <a:r>
              <a:rPr lang="en-SE">
                <a:solidFill>
                  <a:schemeClr val="bg1"/>
                </a:solidFill>
              </a:rPr>
              <a:t>State of Charg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92FEE4B-BB6D-8803-A1AD-444BDAA5CF9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/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3">
            <p14:nvContentPartPr>
              <p14:cNvPr id="15" name="Pennanteckning 14">
                <a:extLst>
                  <a:ext uri="{FF2B5EF4-FFF2-40B4-BE49-F238E27FC236}">
                    <a16:creationId xmlns:a16="http://schemas.microsoft.com/office/drawing/2014/main" id="{0EA3CF76-C092-8905-62FA-468100DD4FB9}"/>
                  </a:ext>
                </a:extLst>
              </p14:cNvPr>
              <p14:cNvContentPartPr/>
              <p14:nvPr/>
            </p14:nvContentPartPr>
            <p14:xfrm>
              <a:off x="978008" y="3648200"/>
              <a:ext cx="183670" cy="135038"/>
            </p14:xfrm>
          </p:contentPart>
        </mc:Choice>
        <mc:Fallback xmlns="">
          <p:pic>
            <p:nvPicPr>
              <p:cNvPr id="15" name="Pennanteckning 14">
                <a:extLst>
                  <a:ext uri="{FF2B5EF4-FFF2-40B4-BE49-F238E27FC236}">
                    <a16:creationId xmlns:a16="http://schemas.microsoft.com/office/drawing/2014/main" id="{0EA3CF76-C092-8905-62FA-468100DD4FB9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915230" y="3585350"/>
                <a:ext cx="308867" cy="260379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">
            <p14:nvContentPartPr>
              <p14:cNvPr id="25" name="Pennanteckning 24">
                <a:extLst>
                  <a:ext uri="{FF2B5EF4-FFF2-40B4-BE49-F238E27FC236}">
                    <a16:creationId xmlns:a16="http://schemas.microsoft.com/office/drawing/2014/main" id="{88493659-A85D-837E-6EDB-7ACEC99BBE4C}"/>
                  </a:ext>
                </a:extLst>
              </p14:cNvPr>
              <p14:cNvContentPartPr/>
              <p14:nvPr/>
            </p14:nvContentPartPr>
            <p14:xfrm>
              <a:off x="8369769" y="3279336"/>
              <a:ext cx="14802" cy="14802"/>
            </p14:xfrm>
          </p:contentPart>
        </mc:Choice>
        <mc:Fallback xmlns="">
          <p:pic>
            <p:nvPicPr>
              <p:cNvPr id="25" name="Pennanteckning 24">
                <a:extLst>
                  <a:ext uri="{FF2B5EF4-FFF2-40B4-BE49-F238E27FC236}">
                    <a16:creationId xmlns:a16="http://schemas.microsoft.com/office/drawing/2014/main" id="{88493659-A85D-837E-6EDB-7ACEC99BBE4C}"/>
                  </a:ext>
                </a:extLst>
              </p:cNvPr>
              <p:cNvPicPr/>
              <p:nvPr/>
            </p:nvPicPr>
            <p:blipFill>
              <a:blip r:embed="rId6"/>
              <a:stretch>
                <a:fillRect/>
              </a:stretch>
            </p:blipFill>
            <p:spPr>
              <a:xfrm>
                <a:off x="7506319" y="688986"/>
                <a:ext cx="1736768" cy="51807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7">
            <p14:nvContentPartPr>
              <p14:cNvPr id="26" name="Pennanteckning 25">
                <a:extLst>
                  <a:ext uri="{FF2B5EF4-FFF2-40B4-BE49-F238E27FC236}">
                    <a16:creationId xmlns:a16="http://schemas.microsoft.com/office/drawing/2014/main" id="{AD8DC581-5E4B-5CF9-6428-E61E2E3EEDEA}"/>
                  </a:ext>
                </a:extLst>
              </p14:cNvPr>
              <p14:cNvContentPartPr/>
              <p14:nvPr/>
            </p14:nvContentPartPr>
            <p14:xfrm>
              <a:off x="8226147" y="3178937"/>
              <a:ext cx="135137" cy="159391"/>
            </p14:xfrm>
          </p:contentPart>
        </mc:Choice>
        <mc:Fallback xmlns="">
          <p:pic>
            <p:nvPicPr>
              <p:cNvPr id="26" name="Pennanteckning 25">
                <a:extLst>
                  <a:ext uri="{FF2B5EF4-FFF2-40B4-BE49-F238E27FC236}">
                    <a16:creationId xmlns:a16="http://schemas.microsoft.com/office/drawing/2014/main" id="{AD8DC581-5E4B-5CF9-6428-E61E2E3EEDEA}"/>
                  </a:ext>
                </a:extLst>
              </p:cNvPr>
              <p:cNvPicPr/>
              <p:nvPr/>
            </p:nvPicPr>
            <p:blipFill>
              <a:blip r:embed="rId8"/>
              <a:stretch>
                <a:fillRect/>
              </a:stretch>
            </p:blipFill>
            <p:spPr>
              <a:xfrm>
                <a:off x="8163418" y="3116114"/>
                <a:ext cx="260237" cy="284678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9">
            <p14:nvContentPartPr>
              <p14:cNvPr id="27" name="Pennanteckning 26">
                <a:extLst>
                  <a:ext uri="{FF2B5EF4-FFF2-40B4-BE49-F238E27FC236}">
                    <a16:creationId xmlns:a16="http://schemas.microsoft.com/office/drawing/2014/main" id="{A82C6F91-773A-3253-D22B-08FD0E52F7AE}"/>
                  </a:ext>
                </a:extLst>
              </p14:cNvPr>
              <p14:cNvContentPartPr/>
              <p14:nvPr/>
            </p14:nvContentPartPr>
            <p14:xfrm>
              <a:off x="6522858" y="5844029"/>
              <a:ext cx="171210" cy="208084"/>
            </p14:xfrm>
          </p:contentPart>
        </mc:Choice>
        <mc:Fallback xmlns="">
          <p:pic>
            <p:nvPicPr>
              <p:cNvPr id="27" name="Pennanteckning 26">
                <a:extLst>
                  <a:ext uri="{FF2B5EF4-FFF2-40B4-BE49-F238E27FC236}">
                    <a16:creationId xmlns:a16="http://schemas.microsoft.com/office/drawing/2014/main" id="{A82C6F91-773A-3253-D22B-08FD0E52F7AE}"/>
                  </a:ext>
                </a:extLst>
              </p:cNvPr>
              <p:cNvPicPr/>
              <p:nvPr/>
            </p:nvPicPr>
            <p:blipFill>
              <a:blip r:embed="rId10"/>
              <a:stretch>
                <a:fillRect/>
              </a:stretch>
            </p:blipFill>
            <p:spPr>
              <a:xfrm>
                <a:off x="6459913" y="5781137"/>
                <a:ext cx="296740" cy="333509"/>
              </a:xfrm>
              <a:prstGeom prst="rect">
                <a:avLst/>
              </a:prstGeom>
            </p:spPr>
          </p:pic>
        </mc:Fallback>
      </mc:AlternateContent>
      <p:sp>
        <p:nvSpPr>
          <p:cNvPr id="6" name="textruta 5">
            <a:extLst>
              <a:ext uri="{FF2B5EF4-FFF2-40B4-BE49-F238E27FC236}">
                <a16:creationId xmlns:a16="http://schemas.microsoft.com/office/drawing/2014/main" id="{5D8353D7-0D70-D64C-26FA-61D1213C00ED}"/>
              </a:ext>
            </a:extLst>
          </p:cNvPr>
          <p:cNvSpPr txBox="1"/>
          <p:nvPr/>
        </p:nvSpPr>
        <p:spPr>
          <a:xfrm>
            <a:off x="8800191" y="3514201"/>
            <a:ext cx="3654736" cy="54373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>
                <a:solidFill>
                  <a:schemeClr val="tx1">
                    <a:lumMod val="95000"/>
                    <a:lumOff val="5000"/>
                  </a:schemeClr>
                </a:solidFill>
                <a:latin typeface="+mn-lt"/>
                <a:ea typeface="ＭＳ Ｐゴシック"/>
                <a:cs typeface="Arial"/>
              </a:rPr>
              <a:t>E</a:t>
            </a:r>
            <a:r>
              <a:rPr lang="sv-SE" baseline="30000">
                <a:solidFill>
                  <a:schemeClr val="tx1">
                    <a:lumMod val="95000"/>
                    <a:lumOff val="5000"/>
                  </a:schemeClr>
                </a:solidFill>
                <a:latin typeface="+mn-lt"/>
                <a:ea typeface="ＭＳ Ｐゴシック"/>
                <a:cs typeface="Arial"/>
              </a:rPr>
              <a:t>0'</a:t>
            </a:r>
            <a:r>
              <a:rPr lang="sv-SE" baseline="-25000">
                <a:solidFill>
                  <a:schemeClr val="tx1">
                    <a:lumMod val="95000"/>
                    <a:lumOff val="5000"/>
                  </a:schemeClr>
                </a:solidFill>
                <a:latin typeface="+mn-lt"/>
                <a:ea typeface="ＭＳ Ｐゴシック"/>
                <a:cs typeface="Arial"/>
              </a:rPr>
              <a:t>pos</a:t>
            </a:r>
            <a:r>
              <a:rPr lang="sv-SE">
                <a:solidFill>
                  <a:schemeClr val="tx1">
                    <a:lumMod val="95000"/>
                    <a:lumOff val="5000"/>
                  </a:schemeClr>
                </a:solidFill>
                <a:latin typeface="+mn-lt"/>
                <a:ea typeface="ＭＳ Ｐゴシック"/>
                <a:cs typeface="Arial"/>
              </a:rPr>
              <a:t> =   0.26 V</a:t>
            </a:r>
            <a:endParaRPr lang="sv-SE">
              <a:solidFill>
                <a:schemeClr val="tx1">
                  <a:lumMod val="95000"/>
                  <a:lumOff val="5000"/>
                </a:schemeClr>
              </a:solidFill>
              <a:cs typeface="Arial"/>
            </a:endParaRPr>
          </a:p>
          <a:p>
            <a:pPr>
              <a:spcBef>
                <a:spcPts val="432"/>
              </a:spcBef>
            </a:pPr>
            <a:r>
              <a:rPr lang="sv-SE">
                <a:solidFill>
                  <a:schemeClr val="tx1">
                    <a:lumMod val="95000"/>
                    <a:lumOff val="5000"/>
                  </a:schemeClr>
                </a:solidFill>
                <a:latin typeface="+mn-lt"/>
                <a:ea typeface="ＭＳ Ｐゴシック"/>
                <a:cs typeface="Arial"/>
              </a:rPr>
              <a:t>E</a:t>
            </a:r>
            <a:r>
              <a:rPr lang="sv-SE" baseline="30000">
                <a:solidFill>
                  <a:schemeClr val="tx1">
                    <a:lumMod val="95000"/>
                    <a:lumOff val="5000"/>
                  </a:schemeClr>
                </a:solidFill>
                <a:latin typeface="+mn-lt"/>
                <a:ea typeface="ＭＳ Ｐゴシック"/>
                <a:cs typeface="Arial"/>
              </a:rPr>
              <a:t>0'</a:t>
            </a:r>
            <a:r>
              <a:rPr lang="sv-SE" baseline="-25000">
                <a:solidFill>
                  <a:schemeClr val="tx1">
                    <a:lumMod val="95000"/>
                    <a:lumOff val="5000"/>
                  </a:schemeClr>
                </a:solidFill>
                <a:latin typeface="+mn-lt"/>
                <a:ea typeface="ＭＳ Ｐゴシック"/>
                <a:cs typeface="Arial"/>
              </a:rPr>
              <a:t>neg</a:t>
            </a:r>
            <a:r>
              <a:rPr lang="sv-SE">
                <a:solidFill>
                  <a:schemeClr val="tx1">
                    <a:lumMod val="95000"/>
                    <a:lumOff val="5000"/>
                  </a:schemeClr>
                </a:solidFill>
                <a:latin typeface="+mn-lt"/>
                <a:ea typeface="ＭＳ Ｐゴシック"/>
                <a:cs typeface="Arial"/>
              </a:rPr>
              <a:t> = - 0.92 V</a:t>
            </a:r>
            <a:endParaRPr lang="sv-SE">
              <a:solidFill>
                <a:schemeClr val="tx1">
                  <a:lumMod val="95000"/>
                  <a:lumOff val="5000"/>
                </a:schemeClr>
              </a:solidFill>
            </a:endParaRPr>
          </a:p>
        </p:txBody>
      </p:sp>
      <p:pic>
        <p:nvPicPr>
          <p:cNvPr id="8" name="Bildobjekt 9">
            <a:extLst>
              <a:ext uri="{FF2B5EF4-FFF2-40B4-BE49-F238E27FC236}">
                <a16:creationId xmlns:a16="http://schemas.microsoft.com/office/drawing/2014/main" id="{C5787DBE-1E8B-6A17-2CDE-175AF7F1D399}"/>
              </a:ext>
            </a:extLst>
          </p:cNvPr>
          <p:cNvPicPr>
            <a:picLocks noChangeAspect="1"/>
          </p:cNvPicPr>
          <p:nvPr/>
        </p:nvPicPr>
        <p:blipFill rotWithShape="1">
          <a:blip r:embed="rId11"/>
          <a:srcRect l="3048" t="-918" r="-3121" b="1376"/>
          <a:stretch/>
        </p:blipFill>
        <p:spPr>
          <a:xfrm>
            <a:off x="5588164" y="2249915"/>
            <a:ext cx="5589182" cy="867384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4E0094D3-8177-A876-934C-54A7883EE0DA}"/>
              </a:ext>
            </a:extLst>
          </p:cNvPr>
          <p:cNvSpPr txBox="1"/>
          <p:nvPr/>
        </p:nvSpPr>
        <p:spPr>
          <a:xfrm>
            <a:off x="1161678" y="6342319"/>
            <a:ext cx="5818333" cy="184666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1200">
                <a:solidFill>
                  <a:srgbClr val="FF0000"/>
                </a:solidFill>
                <a:latin typeface="+mn-lt"/>
                <a:ea typeface="ＭＳ Ｐゴシック"/>
              </a:rPr>
              <a:t>*</a:t>
            </a:r>
            <a:r>
              <a:rPr lang="it-IT" sz="1200">
                <a:latin typeface="+mn-lt"/>
                <a:ea typeface="ＭＳ Ｐゴシック"/>
              </a:rPr>
              <a:t>p and q </a:t>
            </a:r>
            <a:r>
              <a:rPr lang="it-IT" sz="1200" err="1">
                <a:latin typeface="+mn-lt"/>
                <a:ea typeface="ＭＳ Ｐゴシック"/>
              </a:rPr>
              <a:t>being</a:t>
            </a:r>
            <a:r>
              <a:rPr lang="it-IT" sz="1200">
                <a:latin typeface="+mn-lt"/>
                <a:ea typeface="ＭＳ Ｐゴシック"/>
              </a:rPr>
              <a:t> </a:t>
            </a:r>
            <a:r>
              <a:rPr lang="it-IT" sz="1200" err="1">
                <a:latin typeface="+mn-lt"/>
                <a:ea typeface="ＭＳ Ｐゴシック"/>
              </a:rPr>
              <a:t>initial</a:t>
            </a:r>
            <a:r>
              <a:rPr lang="it-IT" sz="1200">
                <a:latin typeface="+mn-lt"/>
                <a:ea typeface="ＭＳ Ｐゴシック"/>
              </a:rPr>
              <a:t> </a:t>
            </a:r>
            <a:r>
              <a:rPr lang="it-IT" sz="1200" err="1">
                <a:latin typeface="+mn-lt"/>
                <a:ea typeface="ＭＳ Ｐゴシック"/>
              </a:rPr>
              <a:t>molarities</a:t>
            </a:r>
            <a:r>
              <a:rPr lang="it-IT" sz="1200">
                <a:latin typeface="+mn-lt"/>
                <a:ea typeface="ＭＳ Ｐゴシック"/>
              </a:rPr>
              <a:t> of </a:t>
            </a:r>
            <a:r>
              <a:rPr lang="it-IT" sz="1200" err="1">
                <a:latin typeface="+mn-lt"/>
                <a:ea typeface="ＭＳ Ｐゴシック"/>
              </a:rPr>
              <a:t>oxidized</a:t>
            </a:r>
            <a:r>
              <a:rPr lang="it-IT" sz="1200">
                <a:latin typeface="+mn-lt"/>
                <a:ea typeface="ＭＳ Ｐゴシック"/>
              </a:rPr>
              <a:t> and </a:t>
            </a:r>
            <a:r>
              <a:rPr lang="it-IT" sz="1200" err="1">
                <a:latin typeface="+mn-lt"/>
                <a:ea typeface="ＭＳ Ｐゴシック"/>
              </a:rPr>
              <a:t>reduced</a:t>
            </a:r>
            <a:r>
              <a:rPr lang="it-IT" sz="1200">
                <a:latin typeface="+mn-lt"/>
                <a:ea typeface="ＭＳ Ｐゴシック"/>
              </a:rPr>
              <a:t> </a:t>
            </a:r>
            <a:r>
              <a:rPr lang="it-IT" sz="1200" err="1">
                <a:latin typeface="+mn-lt"/>
                <a:ea typeface="ＭＳ Ｐゴシック"/>
              </a:rPr>
              <a:t>posolyte</a:t>
            </a:r>
            <a:r>
              <a:rPr lang="it-IT" sz="1200">
                <a:latin typeface="+mn-lt"/>
                <a:ea typeface="ＭＳ Ｐゴシック"/>
              </a:rPr>
              <a:t> (i.e. </a:t>
            </a:r>
            <a:r>
              <a:rPr lang="it-IT" sz="1200" err="1">
                <a:latin typeface="+mn-lt"/>
                <a:ea typeface="ＭＳ Ｐゴシック"/>
              </a:rPr>
              <a:t>limiting</a:t>
            </a:r>
            <a:r>
              <a:rPr lang="it-IT" sz="1200">
                <a:latin typeface="+mn-lt"/>
                <a:ea typeface="ＭＳ Ｐゴシック"/>
              </a:rPr>
              <a:t> agent)</a:t>
            </a:r>
            <a:endParaRPr lang="en-GB" sz="1200">
              <a:latin typeface="+mn-lt"/>
              <a:ea typeface="ＭＳ Ｐゴシック"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21F02E95-C36D-2B40-8935-098180D5D021}"/>
                  </a:ext>
                </a:extLst>
              </p:cNvPr>
              <p:cNvSpPr txBox="1"/>
              <p:nvPr/>
            </p:nvSpPr>
            <p:spPr>
              <a:xfrm>
                <a:off x="6181829" y="5270118"/>
                <a:ext cx="1591718" cy="49930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it-IT" b="0" i="1" smtClean="0">
                          <a:latin typeface="Cambria Math" panose="02040503050406030204" pitchFamily="18" charset="0"/>
                        </a:rPr>
                        <m:t>𝑆𝑂𝐶</m:t>
                      </m:r>
                      <m:r>
                        <a:rPr lang="it-IT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it-IT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>
                            <m:sSubPr>
                              <m:ctrlPr>
                                <a:rPr lang="it-IT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it-IT" b="0" i="1" smtClean="0">
                                  <a:latin typeface="Cambria Math" panose="02040503050406030204" pitchFamily="18" charset="0"/>
                                </a:rPr>
                                <m:t>𝑄</m:t>
                              </m:r>
                            </m:e>
                            <m:sub>
                              <m:r>
                                <a:rPr lang="it-IT" b="0" i="1" smtClean="0">
                                  <a:latin typeface="Cambria Math" panose="02040503050406030204" pitchFamily="18" charset="0"/>
                                </a:rPr>
                                <m:t>𝑚𝑒𝑎𝑠𝑢𝑟𝑒𝑑</m:t>
                              </m:r>
                            </m:sub>
                          </m:sSub>
                        </m:num>
                        <m:den>
                          <m:sSub>
                            <m:sSubPr>
                              <m:ctrlPr>
                                <a:rPr lang="it-IT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it-IT" b="0" i="1" smtClean="0">
                                  <a:latin typeface="Cambria Math" panose="02040503050406030204" pitchFamily="18" charset="0"/>
                                </a:rPr>
                                <m:t>𝑄</m:t>
                              </m:r>
                            </m:e>
                            <m:sub>
                              <m:r>
                                <a:rPr lang="it-IT" b="0" i="1" smtClean="0">
                                  <a:latin typeface="Cambria Math" panose="02040503050406030204" pitchFamily="18" charset="0"/>
                                </a:rPr>
                                <m:t>𝑚𝑎𝑥</m:t>
                              </m:r>
                            </m:sub>
                          </m:sSub>
                        </m:den>
                      </m:f>
                    </m:oMath>
                  </m:oMathPara>
                </a14:m>
                <a:endParaRPr lang="en-GB">
                  <a:latin typeface="+mn-lt"/>
                </a:endParaRPr>
              </a:p>
            </p:txBody>
          </p:sp>
        </mc:Choice>
        <mc:Fallback xmlns="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21F02E95-C36D-2B40-8935-098180D5D021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181829" y="5270118"/>
                <a:ext cx="1591718" cy="499304"/>
              </a:xfrm>
              <a:prstGeom prst="rect">
                <a:avLst/>
              </a:prstGeom>
              <a:blipFill>
                <a:blip r:embed="rId12"/>
                <a:stretch>
                  <a:fillRect b="-1235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" name="Bildobjekt 11">
            <a:extLst>
              <a:ext uri="{FF2B5EF4-FFF2-40B4-BE49-F238E27FC236}">
                <a16:creationId xmlns:a16="http://schemas.microsoft.com/office/drawing/2014/main" id="{17F4B1A4-475D-1E38-AA20-FF44E25DBDDE}"/>
              </a:ext>
            </a:extLst>
          </p:cNvPr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381001" y="1599070"/>
            <a:ext cx="4816695" cy="3355956"/>
          </a:xfrm>
          <a:prstGeom prst="rect">
            <a:avLst/>
          </a:prstGeom>
        </p:spPr>
      </p:pic>
      <p:sp>
        <p:nvSpPr>
          <p:cNvPr id="18" name="Rectangle 17">
            <a:extLst>
              <a:ext uri="{FF2B5EF4-FFF2-40B4-BE49-F238E27FC236}">
                <a16:creationId xmlns:a16="http://schemas.microsoft.com/office/drawing/2014/main" id="{3622AC21-40AA-5BF5-DDD5-919D3FAAD8B0}"/>
              </a:ext>
            </a:extLst>
          </p:cNvPr>
          <p:cNvSpPr/>
          <p:nvPr/>
        </p:nvSpPr>
        <p:spPr bwMode="auto">
          <a:xfrm>
            <a:off x="5587017" y="2262533"/>
            <a:ext cx="5103657" cy="857058"/>
          </a:xfrm>
          <a:prstGeom prst="rect">
            <a:avLst/>
          </a:prstGeom>
          <a:solidFill>
            <a:schemeClr val="accent1">
              <a:alpha val="15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87F03E5B-622E-14F0-BF9A-AC71881FCABD}"/>
              </a:ext>
            </a:extLst>
          </p:cNvPr>
          <p:cNvSpPr/>
          <p:nvPr/>
        </p:nvSpPr>
        <p:spPr bwMode="auto">
          <a:xfrm>
            <a:off x="5975005" y="5089046"/>
            <a:ext cx="2037266" cy="857058"/>
          </a:xfrm>
          <a:prstGeom prst="rect">
            <a:avLst/>
          </a:prstGeom>
          <a:solidFill>
            <a:schemeClr val="accent1">
              <a:alpha val="15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6823F278-D78A-FCD4-8A54-5F68922D2F58}"/>
              </a:ext>
            </a:extLst>
          </p:cNvPr>
          <p:cNvSpPr txBox="1"/>
          <p:nvPr/>
        </p:nvSpPr>
        <p:spPr>
          <a:xfrm>
            <a:off x="10383592" y="2265117"/>
            <a:ext cx="6799006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spcBef>
                <a:spcPts val="432"/>
              </a:spcBef>
            </a:pPr>
            <a:r>
              <a:rPr lang="sv-SE">
                <a:solidFill>
                  <a:srgbClr val="FF0000"/>
                </a:solidFill>
                <a:latin typeface="+mn-lt"/>
                <a:ea typeface="ＭＳ Ｐゴシック"/>
                <a:cs typeface="Arial"/>
              </a:rPr>
              <a:t>*</a:t>
            </a:r>
          </a:p>
        </p:txBody>
      </p:sp>
      <p:pic>
        <p:nvPicPr>
          <p:cNvPr id="2" name="Bildobjekt 11">
            <a:extLst>
              <a:ext uri="{FF2B5EF4-FFF2-40B4-BE49-F238E27FC236}">
                <a16:creationId xmlns:a16="http://schemas.microsoft.com/office/drawing/2014/main" id="{C31AA959-B626-AE55-11C8-A670CA162596}"/>
              </a:ext>
            </a:extLst>
          </p:cNvPr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8362765" y="4734696"/>
            <a:ext cx="2526261" cy="1753443"/>
          </a:xfrm>
          <a:prstGeom prst="rect">
            <a:avLst/>
          </a:prstGeom>
        </p:spPr>
      </p:pic>
      <mc:AlternateContent xmlns:mc="http://schemas.openxmlformats.org/markup-compatibility/2006" xmlns:p14="http://schemas.microsoft.com/office/powerpoint/2010/main">
        <mc:Choice Requires="p14">
          <p:contentPart p14:bwMode="auto" r:id="rId14">
            <p14:nvContentPartPr>
              <p14:cNvPr id="24" name="Pennanteckning 23">
                <a:extLst>
                  <a:ext uri="{FF2B5EF4-FFF2-40B4-BE49-F238E27FC236}">
                    <a16:creationId xmlns:a16="http://schemas.microsoft.com/office/drawing/2014/main" id="{ABD4C317-2825-7832-C49B-6BDBE07B100A}"/>
                  </a:ext>
                </a:extLst>
              </p14:cNvPr>
              <p14:cNvContentPartPr/>
              <p14:nvPr/>
            </p14:nvContentPartPr>
            <p14:xfrm>
              <a:off x="8816309" y="5007229"/>
              <a:ext cx="1835807" cy="1266877"/>
            </p14:xfrm>
          </p:contentPart>
        </mc:Choice>
        <mc:Fallback xmlns="">
          <p:pic>
            <p:nvPicPr>
              <p:cNvPr id="24" name="Pennanteckning 23">
                <a:extLst>
                  <a:ext uri="{FF2B5EF4-FFF2-40B4-BE49-F238E27FC236}">
                    <a16:creationId xmlns:a16="http://schemas.microsoft.com/office/drawing/2014/main" id="{ABD4C317-2825-7832-C49B-6BDBE07B100A}"/>
                  </a:ext>
                </a:extLst>
              </p:cNvPr>
              <p:cNvPicPr/>
              <p:nvPr/>
            </p:nvPicPr>
            <p:blipFill>
              <a:blip r:embed="rId15"/>
              <a:stretch>
                <a:fillRect/>
              </a:stretch>
            </p:blipFill>
            <p:spPr>
              <a:xfrm>
                <a:off x="8807312" y="4998231"/>
                <a:ext cx="1853442" cy="1284513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6">
            <p14:nvContentPartPr>
              <p14:cNvPr id="29" name="Pennanteckning 28">
                <a:extLst>
                  <a:ext uri="{FF2B5EF4-FFF2-40B4-BE49-F238E27FC236}">
                    <a16:creationId xmlns:a16="http://schemas.microsoft.com/office/drawing/2014/main" id="{BC41A960-211C-A470-37C9-A3D1779171F9}"/>
                  </a:ext>
                </a:extLst>
              </p14:cNvPr>
              <p14:cNvContentPartPr/>
              <p14:nvPr/>
            </p14:nvContentPartPr>
            <p14:xfrm>
              <a:off x="8814881" y="4909926"/>
              <a:ext cx="1896947" cy="1332269"/>
            </p14:xfrm>
          </p:contentPart>
        </mc:Choice>
        <mc:Fallback xmlns="">
          <p:pic>
            <p:nvPicPr>
              <p:cNvPr id="29" name="Pennanteckning 28">
                <a:extLst>
                  <a:ext uri="{FF2B5EF4-FFF2-40B4-BE49-F238E27FC236}">
                    <a16:creationId xmlns:a16="http://schemas.microsoft.com/office/drawing/2014/main" id="{BC41A960-211C-A470-37C9-A3D1779171F9}"/>
                  </a:ext>
                </a:extLst>
              </p:cNvPr>
              <p:cNvPicPr/>
              <p:nvPr/>
            </p:nvPicPr>
            <p:blipFill>
              <a:blip r:embed="rId17"/>
              <a:stretch>
                <a:fillRect/>
              </a:stretch>
            </p:blipFill>
            <p:spPr>
              <a:xfrm>
                <a:off x="8805882" y="4900929"/>
                <a:ext cx="1914585" cy="1349903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296472275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ktangel: rundade hörn 12">
            <a:extLst>
              <a:ext uri="{FF2B5EF4-FFF2-40B4-BE49-F238E27FC236}">
                <a16:creationId xmlns:a16="http://schemas.microsoft.com/office/drawing/2014/main" id="{CB8779F4-E32A-DB50-B887-E878BEB3F9C9}"/>
              </a:ext>
            </a:extLst>
          </p:cNvPr>
          <p:cNvSpPr/>
          <p:nvPr/>
        </p:nvSpPr>
        <p:spPr bwMode="auto">
          <a:xfrm>
            <a:off x="1277978" y="593266"/>
            <a:ext cx="5331216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Rektangel: rundade hörn 8">
            <a:extLst>
              <a:ext uri="{FF2B5EF4-FFF2-40B4-BE49-F238E27FC236}">
                <a16:creationId xmlns:a16="http://schemas.microsoft.com/office/drawing/2014/main" id="{4F3445EE-C138-B67A-CE17-CDB41340588F}"/>
              </a:ext>
            </a:extLst>
          </p:cNvPr>
          <p:cNvSpPr/>
          <p:nvPr/>
        </p:nvSpPr>
        <p:spPr bwMode="auto">
          <a:xfrm>
            <a:off x="1277978" y="593266"/>
            <a:ext cx="4876915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0236EE1E-3E88-8E11-F892-74376DB8C17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21382" y="426127"/>
            <a:ext cx="9665718" cy="726662"/>
          </a:xfrm>
        </p:spPr>
        <p:txBody>
          <a:bodyPr/>
          <a:lstStyle/>
          <a:p>
            <a:r>
              <a:rPr lang="sv-SE">
                <a:solidFill>
                  <a:schemeClr val="bg1"/>
                </a:solidFill>
                <a:cs typeface="Arial"/>
              </a:rPr>
              <a:t>Volumetric Energy Density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030918C6-C726-46DA-5B7D-A132FF9130C5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282354" y="2377262"/>
            <a:ext cx="4410177" cy="549367"/>
          </a:xfrm>
        </p:spPr>
        <p:txBody>
          <a:bodyPr/>
          <a:lstStyle/>
          <a:p>
            <a:pPr marL="0" indent="0">
              <a:buNone/>
            </a:pPr>
            <a:r>
              <a:rPr lang="sv-SE">
                <a:cs typeface="Arial"/>
              </a:rPr>
              <a:t>Volumetric capacity </a:t>
            </a:r>
            <a:r>
              <a:rPr lang="sv-SE" err="1">
                <a:cs typeface="Arial"/>
              </a:rPr>
              <a:t>of</a:t>
            </a:r>
            <a:r>
              <a:rPr lang="sv-SE">
                <a:cs typeface="Arial"/>
              </a:rPr>
              <a:t> the </a:t>
            </a:r>
            <a:r>
              <a:rPr lang="sv-SE" err="1">
                <a:cs typeface="Arial"/>
              </a:rPr>
              <a:t>investigated</a:t>
            </a:r>
            <a:r>
              <a:rPr lang="sv-SE">
                <a:cs typeface="Arial"/>
              </a:rPr>
              <a:t> </a:t>
            </a:r>
            <a:r>
              <a:rPr lang="sv-SE" err="1">
                <a:cs typeface="Arial"/>
              </a:rPr>
              <a:t>flow</a:t>
            </a:r>
            <a:r>
              <a:rPr lang="sv-SE">
                <a:cs typeface="Arial"/>
              </a:rPr>
              <a:t> </a:t>
            </a:r>
            <a:r>
              <a:rPr lang="sv-SE" err="1">
                <a:cs typeface="Arial"/>
              </a:rPr>
              <a:t>batttery</a:t>
            </a:r>
            <a:endParaRPr lang="sv-SE">
              <a:cs typeface="Arial"/>
            </a:endParaRPr>
          </a:p>
          <a:p>
            <a:pPr marL="0" indent="0">
              <a:buNone/>
            </a:pPr>
            <a:endParaRPr lang="sv-SE">
              <a:cs typeface="Arial"/>
            </a:endParaRPr>
          </a:p>
          <a:p>
            <a:pPr marL="0" indent="0">
              <a:buNone/>
            </a:pPr>
            <a:endParaRPr lang="sv-SE">
              <a:cs typeface="Arial"/>
            </a:endParaRPr>
          </a:p>
          <a:p>
            <a:pPr marL="0" indent="0">
              <a:buNone/>
            </a:pPr>
            <a:endParaRPr lang="sv-SE">
              <a:cs typeface="Arial"/>
            </a:endParaRPr>
          </a:p>
          <a:p>
            <a:pPr marL="0" indent="0">
              <a:buNone/>
            </a:pPr>
            <a:endParaRPr lang="sv-SE">
              <a:cs typeface="Arial"/>
            </a:endParaRPr>
          </a:p>
          <a:p>
            <a:pPr marL="0" indent="0">
              <a:buNone/>
            </a:pPr>
            <a:endParaRPr lang="sv-SE" b="1">
              <a:ea typeface="+mn-lt"/>
              <a:cs typeface="+mn-lt"/>
            </a:endParaRPr>
          </a:p>
          <a:p>
            <a:pPr marL="0" indent="0">
              <a:buNone/>
            </a:pPr>
            <a:r>
              <a:rPr lang="sv-SE">
                <a:ea typeface="+mn-lt"/>
                <a:cs typeface="+mn-lt"/>
              </a:rPr>
              <a:t>Energy </a:t>
            </a:r>
            <a:r>
              <a:rPr lang="sv-SE" err="1">
                <a:ea typeface="+mn-lt"/>
                <a:cs typeface="+mn-lt"/>
              </a:rPr>
              <a:t>density</a:t>
            </a:r>
            <a:r>
              <a:rPr lang="sv-SE">
                <a:ea typeface="+mn-lt"/>
                <a:cs typeface="+mn-lt"/>
              </a:rPr>
              <a:t> </a:t>
            </a:r>
            <a:r>
              <a:rPr lang="sv-SE" err="1">
                <a:ea typeface="+mn-lt"/>
                <a:cs typeface="+mn-lt"/>
              </a:rPr>
              <a:t>of</a:t>
            </a:r>
            <a:r>
              <a:rPr lang="sv-SE">
                <a:ea typeface="+mn-lt"/>
                <a:cs typeface="+mn-lt"/>
              </a:rPr>
              <a:t> </a:t>
            </a:r>
            <a:r>
              <a:rPr lang="sv-SE" err="1">
                <a:ea typeface="+mn-lt"/>
                <a:cs typeface="+mn-lt"/>
              </a:rPr>
              <a:t>investigated</a:t>
            </a:r>
            <a:r>
              <a:rPr lang="sv-SE">
                <a:ea typeface="+mn-lt"/>
                <a:cs typeface="+mn-lt"/>
              </a:rPr>
              <a:t> </a:t>
            </a:r>
            <a:r>
              <a:rPr lang="sv-SE" err="1">
                <a:ea typeface="+mn-lt"/>
                <a:cs typeface="+mn-lt"/>
              </a:rPr>
              <a:t>battery</a:t>
            </a:r>
            <a:endParaRPr lang="sv-SE" err="1">
              <a:cs typeface="Arial"/>
            </a:endParaRPr>
          </a:p>
          <a:p>
            <a:pPr marL="0" indent="0">
              <a:buNone/>
            </a:pPr>
            <a:endParaRPr lang="sv-SE">
              <a:cs typeface="Arial"/>
            </a:endParaRPr>
          </a:p>
          <a:p>
            <a:pPr marL="0" indent="0">
              <a:buNone/>
            </a:pPr>
            <a:endParaRPr lang="sv-SE">
              <a:cs typeface="Arial"/>
            </a:endParaRPr>
          </a:p>
          <a:p>
            <a:pPr marL="0" indent="0">
              <a:buNone/>
            </a:pPr>
            <a:endParaRPr lang="sv-SE">
              <a:cs typeface="Arial"/>
            </a:endParaRPr>
          </a:p>
          <a:p>
            <a:pPr marL="0" indent="0">
              <a:buNone/>
            </a:pPr>
            <a:endParaRPr lang="sv-SE">
              <a:cs typeface="Arial"/>
            </a:endParaRPr>
          </a:p>
          <a:p>
            <a:pPr marL="0" indent="0">
              <a:buNone/>
            </a:pPr>
            <a:endParaRPr lang="sv-SE">
              <a:cs typeface="Arial"/>
            </a:endParaRPr>
          </a:p>
          <a:p>
            <a:pPr marL="0" indent="0">
              <a:buNone/>
            </a:pPr>
            <a:endParaRPr lang="sv-SE">
              <a:cs typeface="Arial"/>
            </a:endParaRPr>
          </a:p>
          <a:p>
            <a:pPr marL="0" indent="0">
              <a:buNone/>
            </a:pPr>
            <a:endParaRPr lang="sv-SE">
              <a:cs typeface="Arial"/>
            </a:endParaRPr>
          </a:p>
        </p:txBody>
      </p:sp>
      <p:sp>
        <p:nvSpPr>
          <p:cNvPr id="5" name="Platshållare för innehåll 4">
            <a:extLst>
              <a:ext uri="{FF2B5EF4-FFF2-40B4-BE49-F238E27FC236}">
                <a16:creationId xmlns:a16="http://schemas.microsoft.com/office/drawing/2014/main" id="{FC0D1D2C-865B-DF87-FC53-81E25FA6BF3C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640459" y="2377262"/>
            <a:ext cx="4364932" cy="2559431"/>
          </a:xfrm>
        </p:spPr>
        <p:txBody>
          <a:bodyPr/>
          <a:lstStyle/>
          <a:p>
            <a:pPr marL="0" indent="0">
              <a:buNone/>
            </a:pPr>
            <a:r>
              <a:rPr lang="sv-SE">
                <a:cs typeface="Arial"/>
              </a:rPr>
              <a:t>Energy </a:t>
            </a:r>
            <a:r>
              <a:rPr lang="sv-SE" err="1">
                <a:cs typeface="Arial"/>
              </a:rPr>
              <a:t>density</a:t>
            </a:r>
            <a:r>
              <a:rPr lang="sv-SE">
                <a:cs typeface="Arial"/>
              </a:rPr>
              <a:t> </a:t>
            </a:r>
            <a:r>
              <a:rPr lang="sv-SE" err="1">
                <a:cs typeface="Arial"/>
              </a:rPr>
              <a:t>of</a:t>
            </a:r>
            <a:r>
              <a:rPr lang="sv-SE">
                <a:cs typeface="Arial"/>
              </a:rPr>
              <a:t> a </a:t>
            </a:r>
            <a:r>
              <a:rPr lang="sv-SE" err="1">
                <a:cs typeface="Arial"/>
              </a:rPr>
              <a:t>capacity-balanced</a:t>
            </a:r>
            <a:r>
              <a:rPr lang="sv-SE">
                <a:cs typeface="Arial"/>
              </a:rPr>
              <a:t> </a:t>
            </a:r>
            <a:r>
              <a:rPr lang="sv-SE" err="1">
                <a:cs typeface="Arial"/>
              </a:rPr>
              <a:t>battery</a:t>
            </a:r>
            <a:endParaRPr lang="sv-SE">
              <a:cs typeface="Arial"/>
            </a:endParaRPr>
          </a:p>
          <a:p>
            <a:pPr marL="0" indent="0">
              <a:buNone/>
            </a:pPr>
            <a:endParaRPr lang="sv-SE">
              <a:cs typeface="Arial"/>
            </a:endParaRPr>
          </a:p>
          <a:p>
            <a:pPr marL="197485" indent="-197485">
              <a:buFont typeface="Arial"/>
              <a:buChar char="•"/>
            </a:pPr>
            <a:r>
              <a:rPr lang="sv-SE">
                <a:cs typeface="Arial"/>
              </a:rPr>
              <a:t>Same </a:t>
            </a:r>
            <a:r>
              <a:rPr lang="sv-SE" err="1">
                <a:cs typeface="Arial"/>
              </a:rPr>
              <a:t>effective</a:t>
            </a:r>
            <a:r>
              <a:rPr lang="sv-SE">
                <a:cs typeface="Arial"/>
              </a:rPr>
              <a:t> </a:t>
            </a:r>
            <a:r>
              <a:rPr lang="sv-SE" err="1">
                <a:cs typeface="Arial"/>
              </a:rPr>
              <a:t>concentration</a:t>
            </a:r>
            <a:endParaRPr lang="sv-SE">
              <a:cs typeface="Arial"/>
            </a:endParaRPr>
          </a:p>
          <a:p>
            <a:pPr marL="197485" indent="-197485">
              <a:buFont typeface="Arial"/>
              <a:buChar char="•"/>
            </a:pPr>
            <a:r>
              <a:rPr lang="sv-SE">
                <a:cs typeface="Arial"/>
              </a:rPr>
              <a:t>Maximum </a:t>
            </a:r>
            <a:r>
              <a:rPr lang="sv-SE" err="1">
                <a:cs typeface="Arial"/>
              </a:rPr>
              <a:t>solubility</a:t>
            </a:r>
            <a:r>
              <a:rPr lang="sv-SE">
                <a:cs typeface="Arial"/>
              </a:rPr>
              <a:t> </a:t>
            </a:r>
            <a:r>
              <a:rPr lang="sv-SE" err="1">
                <a:cs typeface="Arial"/>
              </a:rPr>
              <a:t>of</a:t>
            </a:r>
            <a:r>
              <a:rPr lang="sv-SE">
                <a:cs typeface="Arial"/>
              </a:rPr>
              <a:t> ARS in 1 M KOH is 0.55 M (earlier 0.05 M) </a:t>
            </a:r>
          </a:p>
          <a:p>
            <a:pPr marL="197485" indent="-197485">
              <a:buFont typeface="Arial"/>
              <a:buChar char="•"/>
            </a:pPr>
            <a:r>
              <a:rPr lang="sv-SE">
                <a:cs typeface="Arial"/>
              </a:rPr>
              <a:t>Same cell potential as the experimental </a:t>
            </a:r>
            <a:r>
              <a:rPr lang="sv-SE" err="1">
                <a:cs typeface="Arial"/>
              </a:rPr>
              <a:t>battery</a:t>
            </a:r>
            <a:r>
              <a:rPr lang="sv-SE">
                <a:cs typeface="Arial"/>
              </a:rPr>
              <a:t> </a:t>
            </a:r>
          </a:p>
          <a:p>
            <a:pPr marL="0" indent="0">
              <a:buNone/>
            </a:pPr>
            <a:endParaRPr lang="sv-SE">
              <a:cs typeface="Arial"/>
            </a:endParaRPr>
          </a:p>
          <a:p>
            <a:pPr marL="0" indent="0">
              <a:buNone/>
            </a:pPr>
            <a:endParaRPr lang="sv-SE">
              <a:cs typeface="Arial"/>
            </a:endParaRPr>
          </a:p>
          <a:p>
            <a:pPr marL="0" indent="0">
              <a:buNone/>
            </a:pPr>
            <a:endParaRPr lang="sv-SE">
              <a:cs typeface="Arial"/>
            </a:endParaRPr>
          </a:p>
          <a:p>
            <a:pPr marL="0" indent="0">
              <a:buNone/>
            </a:pPr>
            <a:endParaRPr lang="sv-SE">
              <a:cs typeface="Arial"/>
            </a:endParaRPr>
          </a:p>
          <a:p>
            <a:pPr marL="0" indent="0">
              <a:buNone/>
            </a:pPr>
            <a:endParaRPr lang="sv-SE">
              <a:cs typeface="Arial"/>
            </a:endParaRPr>
          </a:p>
          <a:p>
            <a:pPr marL="0" indent="0">
              <a:buNone/>
            </a:pPr>
            <a:endParaRPr lang="sv-SE">
              <a:cs typeface="Arial"/>
            </a:endParaRPr>
          </a:p>
          <a:p>
            <a:pPr marL="0" indent="0">
              <a:buNone/>
            </a:pPr>
            <a:endParaRPr lang="sv-SE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sv-SE">
              <a:cs typeface="Arial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92FEE4B-BB6D-8803-A1AD-444BDAA5CF9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10826" y="6314409"/>
            <a:ext cx="432600" cy="3168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00C75E90-03AD-46EF-2073-B1AD49B2EAD1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r="257" b="47243"/>
          <a:stretch/>
        </p:blipFill>
        <p:spPr>
          <a:xfrm>
            <a:off x="1370637" y="5195149"/>
            <a:ext cx="2662078" cy="830992"/>
          </a:xfrm>
          <a:prstGeom prst="rect">
            <a:avLst/>
          </a:prstGeom>
        </p:spPr>
      </p:pic>
      <p:pic>
        <p:nvPicPr>
          <p:cNvPr id="2" name="Bildobjekt 7">
            <a:extLst>
              <a:ext uri="{FF2B5EF4-FFF2-40B4-BE49-F238E27FC236}">
                <a16:creationId xmlns:a16="http://schemas.microsoft.com/office/drawing/2014/main" id="{8571A460-5294-C839-375E-BE8B3A8350C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215115" y="5198281"/>
            <a:ext cx="2907527" cy="935147"/>
          </a:xfrm>
          <a:prstGeom prst="rect">
            <a:avLst/>
          </a:prstGeom>
        </p:spPr>
      </p:pic>
      <p:sp>
        <p:nvSpPr>
          <p:cNvPr id="35" name="Ellips 34">
            <a:extLst>
              <a:ext uri="{FF2B5EF4-FFF2-40B4-BE49-F238E27FC236}">
                <a16:creationId xmlns:a16="http://schemas.microsoft.com/office/drawing/2014/main" id="{49C7E9F5-D3BE-C1EF-36D8-861EF8417E75}"/>
              </a:ext>
            </a:extLst>
          </p:cNvPr>
          <p:cNvSpPr/>
          <p:nvPr/>
        </p:nvSpPr>
        <p:spPr bwMode="auto">
          <a:xfrm>
            <a:off x="3242129" y="3176816"/>
            <a:ext cx="1009030" cy="469498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41" name="Bildobjekt 41">
            <a:extLst>
              <a:ext uri="{FF2B5EF4-FFF2-40B4-BE49-F238E27FC236}">
                <a16:creationId xmlns:a16="http://schemas.microsoft.com/office/drawing/2014/main" id="{43BB492F-B38C-BED9-E687-EB26BA30C8B5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77273" r="-9" b="943"/>
          <a:stretch/>
        </p:blipFill>
        <p:spPr>
          <a:xfrm>
            <a:off x="3797104" y="5234751"/>
            <a:ext cx="1440277" cy="758901"/>
          </a:xfrm>
          <a:prstGeom prst="rect">
            <a:avLst/>
          </a:prstGeom>
        </p:spPr>
      </p:pic>
      <mc:AlternateContent xmlns:mc="http://schemas.openxmlformats.org/markup-compatibility/2006" xmlns:p14="http://schemas.microsoft.com/office/powerpoint/2010/main" xmlns:aink="http://schemas.microsoft.com/office/drawing/2016/ink">
        <mc:Choice Requires="p14 aink">
          <p:contentPart p14:bwMode="auto" r:id="rId5">
            <p14:nvContentPartPr>
              <p14:cNvPr id="14" name="Ink 13">
                <a:extLst>
                  <a:ext uri="{FF2B5EF4-FFF2-40B4-BE49-F238E27FC236}">
                    <a16:creationId xmlns:a16="http://schemas.microsoft.com/office/drawing/2014/main" id="{6F0D2BDB-CC74-21B2-F20E-FA8DA2D47E0A}"/>
                  </a:ext>
                </a:extLst>
              </p14:cNvPr>
              <p14:cNvContentPartPr/>
              <p14:nvPr/>
            </p14:nvContentPartPr>
            <p14:xfrm>
              <a:off x="4305159" y="3480429"/>
              <a:ext cx="15840" cy="16560"/>
            </p14:xfrm>
          </p:contentPart>
        </mc:Choice>
        <mc:Fallback xmlns="">
          <p:pic>
            <p:nvPicPr>
              <p:cNvPr id="14" name="Ink 13">
                <a:extLst>
                  <a:ext uri="{FF2B5EF4-FFF2-40B4-BE49-F238E27FC236}">
                    <a16:creationId xmlns:a16="http://schemas.microsoft.com/office/drawing/2014/main" id="{6F0D2BDB-CC74-21B2-F20E-FA8DA2D47E0A}"/>
                  </a:ext>
                </a:extLst>
              </p:cNvPr>
              <p:cNvPicPr/>
              <p:nvPr/>
            </p:nvPicPr>
            <p:blipFill>
              <a:blip r:embed="rId6"/>
              <a:stretch>
                <a:fillRect/>
              </a:stretch>
            </p:blipFill>
            <p:spPr>
              <a:xfrm>
                <a:off x="4287159" y="3372429"/>
                <a:ext cx="51480" cy="2322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 xmlns:aink="http://schemas.microsoft.com/office/drawing/2016/ink">
        <mc:Choice Requires="p14 aink">
          <p:contentPart p14:bwMode="auto" r:id="rId7">
            <p14:nvContentPartPr>
              <p14:cNvPr id="19" name="Ink 18">
                <a:extLst>
                  <a:ext uri="{FF2B5EF4-FFF2-40B4-BE49-F238E27FC236}">
                    <a16:creationId xmlns:a16="http://schemas.microsoft.com/office/drawing/2014/main" id="{97C96914-4EC3-EA7E-FB69-58C47B2E3818}"/>
                  </a:ext>
                </a:extLst>
              </p14:cNvPr>
              <p14:cNvContentPartPr/>
              <p14:nvPr/>
            </p14:nvContentPartPr>
            <p14:xfrm>
              <a:off x="4293639" y="3468549"/>
              <a:ext cx="12240" cy="36000"/>
            </p14:xfrm>
          </p:contentPart>
        </mc:Choice>
        <mc:Fallback xmlns="">
          <p:pic>
            <p:nvPicPr>
              <p:cNvPr id="19" name="Ink 18">
                <a:extLst>
                  <a:ext uri="{FF2B5EF4-FFF2-40B4-BE49-F238E27FC236}">
                    <a16:creationId xmlns:a16="http://schemas.microsoft.com/office/drawing/2014/main" id="{97C96914-4EC3-EA7E-FB69-58C47B2E3818}"/>
                  </a:ext>
                </a:extLst>
              </p:cNvPr>
              <p:cNvPicPr/>
              <p:nvPr/>
            </p:nvPicPr>
            <p:blipFill>
              <a:blip r:embed="rId8"/>
              <a:stretch>
                <a:fillRect/>
              </a:stretch>
            </p:blipFill>
            <p:spPr>
              <a:xfrm>
                <a:off x="4275639" y="3361618"/>
                <a:ext cx="47880" cy="249505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 xmlns:aink="http://schemas.microsoft.com/office/drawing/2016/ink">
        <mc:Choice Requires="p14 aink">
          <p:contentPart p14:bwMode="auto" r:id="rId9">
            <p14:nvContentPartPr>
              <p14:cNvPr id="16" name="Ink 15">
                <a:extLst>
                  <a:ext uri="{FF2B5EF4-FFF2-40B4-BE49-F238E27FC236}">
                    <a16:creationId xmlns:a16="http://schemas.microsoft.com/office/drawing/2014/main" id="{48D58BC5-ABF9-BA85-60A8-BB7897F83E7B}"/>
                  </a:ext>
                </a:extLst>
              </p14:cNvPr>
              <p14:cNvContentPartPr/>
              <p14:nvPr/>
            </p14:nvContentPartPr>
            <p14:xfrm>
              <a:off x="4251159" y="3473589"/>
              <a:ext cx="47160" cy="12240"/>
            </p14:xfrm>
          </p:contentPart>
        </mc:Choice>
        <mc:Fallback xmlns="">
          <p:pic>
            <p:nvPicPr>
              <p:cNvPr id="16" name="Ink 15">
                <a:extLst>
                  <a:ext uri="{FF2B5EF4-FFF2-40B4-BE49-F238E27FC236}">
                    <a16:creationId xmlns:a16="http://schemas.microsoft.com/office/drawing/2014/main" id="{48D58BC5-ABF9-BA85-60A8-BB7897F83E7B}"/>
                  </a:ext>
                </a:extLst>
              </p:cNvPr>
              <p:cNvPicPr/>
              <p:nvPr/>
            </p:nvPicPr>
            <p:blipFill>
              <a:blip r:embed="rId10"/>
              <a:stretch>
                <a:fillRect/>
              </a:stretch>
            </p:blipFill>
            <p:spPr>
              <a:xfrm>
                <a:off x="4233159" y="3362316"/>
                <a:ext cx="82800" cy="234415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4" name="TextBox 33">
                <a:extLst>
                  <a:ext uri="{FF2B5EF4-FFF2-40B4-BE49-F238E27FC236}">
                    <a16:creationId xmlns:a16="http://schemas.microsoft.com/office/drawing/2014/main" id="{D5958F59-5CB7-E73E-E2D8-E4BF905CBD42}"/>
                  </a:ext>
                </a:extLst>
              </p:cNvPr>
              <p:cNvSpPr txBox="1"/>
              <p:nvPr/>
            </p:nvSpPr>
            <p:spPr>
              <a:xfrm>
                <a:off x="1390686" y="3602894"/>
                <a:ext cx="2261318" cy="24622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:r>
                  <a:rPr lang="it-IT"/>
                  <a:t>Q</a:t>
                </a:r>
                <a14:m>
                  <m:oMath xmlns:m="http://schemas.openxmlformats.org/officeDocument/2006/math">
                    <m:r>
                      <a:rPr lang="it-IT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it-IT" i="1">
                        <a:latin typeface="Cambria Math" panose="02040503050406030204" pitchFamily="18" charset="0"/>
                      </a:rPr>
                      <m:t>𝑛𝐶𝑉𝐹</m:t>
                    </m:r>
                  </m:oMath>
                </a14:m>
                <a:endParaRPr lang="en-GB">
                  <a:latin typeface="+mn-lt"/>
                </a:endParaRPr>
              </a:p>
            </p:txBody>
          </p:sp>
        </mc:Choice>
        <mc:Fallback xmlns="">
          <p:sp>
            <p:nvSpPr>
              <p:cNvPr id="34" name="TextBox 33">
                <a:extLst>
                  <a:ext uri="{FF2B5EF4-FFF2-40B4-BE49-F238E27FC236}">
                    <a16:creationId xmlns:a16="http://schemas.microsoft.com/office/drawing/2014/main" id="{D5958F59-5CB7-E73E-E2D8-E4BF905CBD42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390686" y="3602894"/>
                <a:ext cx="2261318" cy="246221"/>
              </a:xfrm>
              <a:prstGeom prst="rect">
                <a:avLst/>
              </a:prstGeom>
              <a:blipFill>
                <a:blip r:embed="rId11"/>
                <a:stretch>
                  <a:fillRect l="-5391" t="-25000" b="-52500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7" name="Vänster klammerparentes 36">
            <a:extLst>
              <a:ext uri="{FF2B5EF4-FFF2-40B4-BE49-F238E27FC236}">
                <a16:creationId xmlns:a16="http://schemas.microsoft.com/office/drawing/2014/main" id="{B952EA91-3F20-F7A0-E097-599BC692F749}"/>
              </a:ext>
            </a:extLst>
          </p:cNvPr>
          <p:cNvSpPr/>
          <p:nvPr/>
        </p:nvSpPr>
        <p:spPr bwMode="auto">
          <a:xfrm>
            <a:off x="2361134" y="3262295"/>
            <a:ext cx="155448" cy="914400"/>
          </a:xfrm>
          <a:prstGeom prst="leftBrace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rtlCol="0" anchor="ctr"/>
          <a:lstStyle/>
          <a:p>
            <a:pPr algn="ctr"/>
            <a:endParaRPr lang="sv-SE"/>
          </a:p>
        </p:txBody>
      </p:sp>
      <p:pic>
        <p:nvPicPr>
          <p:cNvPr id="38" name="Bildobjekt 38">
            <a:extLst>
              <a:ext uri="{FF2B5EF4-FFF2-40B4-BE49-F238E27FC236}">
                <a16:creationId xmlns:a16="http://schemas.microsoft.com/office/drawing/2014/main" id="{6B40E5D6-4DB3-3544-BF11-7BE5AE4EC3AB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8247774" y="5357600"/>
            <a:ext cx="1401026" cy="560355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796D15E2-A1FE-5932-80E9-4A9E14AC1099}"/>
                  </a:ext>
                </a:extLst>
              </p:cNvPr>
              <p:cNvSpPr txBox="1"/>
              <p:nvPr/>
            </p:nvSpPr>
            <p:spPr>
              <a:xfrm>
                <a:off x="1272999" y="3789589"/>
                <a:ext cx="6096000" cy="357983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marL="0" indent="0">
                  <a:buNone/>
                </a:pPr>
                <a:r>
                  <a:rPr lang="it-IT" b="0">
                    <a:cs typeface="Arial"/>
                  </a:rPr>
                  <a:t>	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it-IT" b="0" i="1" smtClean="0">
                            <a:latin typeface="Cambria Math" panose="02040503050406030204" pitchFamily="18" charset="0"/>
                            <a:cs typeface="Arial"/>
                          </a:rPr>
                        </m:ctrlPr>
                      </m:sSubPr>
                      <m:e>
                        <m:r>
                          <a:rPr lang="it-IT" b="0" i="1" smtClean="0">
                            <a:latin typeface="Cambria Math" panose="02040503050406030204" pitchFamily="18" charset="0"/>
                            <a:cs typeface="Arial"/>
                          </a:rPr>
                          <m:t>       </m:t>
                        </m:r>
                        <m:r>
                          <a:rPr lang="it-IT" b="0" i="1" smtClean="0">
                            <a:latin typeface="Cambria Math" panose="02040503050406030204" pitchFamily="18" charset="0"/>
                            <a:cs typeface="Arial"/>
                          </a:rPr>
                          <m:t>𝑄</m:t>
                        </m:r>
                      </m:e>
                      <m:sub>
                        <m:r>
                          <a:rPr lang="it-IT" b="0" i="1" smtClean="0">
                            <a:latin typeface="Cambria Math" panose="02040503050406030204" pitchFamily="18" charset="0"/>
                            <a:cs typeface="Arial"/>
                          </a:rPr>
                          <m:t>𝐹𝑒𝑟𝑟𝑜𝑐𝑦𝑎𝑛𝑖𝑑𝑒</m:t>
                        </m:r>
                      </m:sub>
                    </m:sSub>
                    <m:r>
                      <a:rPr lang="it-IT" b="0" i="1" smtClean="0">
                        <a:latin typeface="Cambria Math" panose="02040503050406030204" pitchFamily="18" charset="0"/>
                        <a:cs typeface="Arial"/>
                      </a:rPr>
                      <m:t>=5.36 </m:t>
                    </m:r>
                    <m:r>
                      <a:rPr lang="it-IT" b="0" i="1" smtClean="0">
                        <a:latin typeface="Cambria Math" panose="02040503050406030204" pitchFamily="18" charset="0"/>
                        <a:cs typeface="Arial"/>
                      </a:rPr>
                      <m:t>𝐴h</m:t>
                    </m:r>
                    <m:r>
                      <a:rPr lang="it-IT" b="0" i="1" smtClean="0">
                        <a:latin typeface="Cambria Math" panose="02040503050406030204" pitchFamily="18" charset="0"/>
                        <a:cs typeface="Arial"/>
                      </a:rPr>
                      <m:t>/</m:t>
                    </m:r>
                    <m:r>
                      <a:rPr lang="it-IT" b="0" i="1" smtClean="0">
                        <a:latin typeface="Cambria Math" panose="02040503050406030204" pitchFamily="18" charset="0"/>
                        <a:cs typeface="Arial"/>
                      </a:rPr>
                      <m:t>𝐿</m:t>
                    </m:r>
                  </m:oMath>
                </a14:m>
                <a:endParaRPr lang="sv-SE">
                  <a:cs typeface="Arial"/>
                </a:endParaRPr>
              </a:p>
            </p:txBody>
          </p:sp>
        </mc:Choice>
        <mc:Fallback xmlns="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796D15E2-A1FE-5932-80E9-4A9E14AC1099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272999" y="3789589"/>
                <a:ext cx="6096000" cy="357983"/>
              </a:xfrm>
              <a:prstGeom prst="rect">
                <a:avLst/>
              </a:prstGeom>
              <a:blipFill>
                <a:blip r:embed="rId13"/>
                <a:stretch>
                  <a:fillRect b="-8621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95A14ED7-25B8-2244-7CAD-B492B5A5DAEA}"/>
                  </a:ext>
                </a:extLst>
              </p:cNvPr>
              <p:cNvSpPr txBox="1"/>
              <p:nvPr/>
            </p:nvSpPr>
            <p:spPr>
              <a:xfrm>
                <a:off x="365643" y="3271692"/>
                <a:ext cx="6096000" cy="338554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it-IT" b="0" i="1" smtClean="0">
                              <a:latin typeface="Cambria Math" panose="02040503050406030204" pitchFamily="18" charset="0"/>
                              <a:cs typeface="Arial"/>
                            </a:rPr>
                          </m:ctrlPr>
                        </m:sSubPr>
                        <m:e>
                          <m:r>
                            <a:rPr lang="it-IT" b="0" i="1" smtClean="0">
                              <a:latin typeface="Cambria Math" panose="02040503050406030204" pitchFamily="18" charset="0"/>
                              <a:cs typeface="Arial"/>
                            </a:rPr>
                            <m:t>𝑄</m:t>
                          </m:r>
                        </m:e>
                        <m:sub>
                          <m:r>
                            <a:rPr lang="it-IT" b="0" i="1" smtClean="0">
                              <a:latin typeface="Cambria Math" panose="02040503050406030204" pitchFamily="18" charset="0"/>
                              <a:cs typeface="Arial"/>
                            </a:rPr>
                            <m:t>𝐴𝑅𝑆</m:t>
                          </m:r>
                        </m:sub>
                      </m:sSub>
                      <m:r>
                        <a:rPr lang="it-IT" b="0" i="1" smtClean="0">
                          <a:latin typeface="Cambria Math" panose="02040503050406030204" pitchFamily="18" charset="0"/>
                          <a:cs typeface="Arial"/>
                        </a:rPr>
                        <m:t>=2.68 </m:t>
                      </m:r>
                      <m:r>
                        <a:rPr lang="it-IT" b="0" i="1" smtClean="0">
                          <a:latin typeface="Cambria Math" panose="02040503050406030204" pitchFamily="18" charset="0"/>
                          <a:cs typeface="Arial"/>
                        </a:rPr>
                        <m:t>𝐴h</m:t>
                      </m:r>
                      <m:r>
                        <a:rPr lang="it-IT" b="0" i="1" smtClean="0">
                          <a:latin typeface="Cambria Math" panose="02040503050406030204" pitchFamily="18" charset="0"/>
                          <a:cs typeface="Arial"/>
                        </a:rPr>
                        <m:t>/</m:t>
                      </m:r>
                      <m:r>
                        <a:rPr lang="it-IT" b="0" i="1" smtClean="0">
                          <a:latin typeface="Cambria Math" panose="02040503050406030204" pitchFamily="18" charset="0"/>
                          <a:cs typeface="Arial"/>
                        </a:rPr>
                        <m:t>𝐿</m:t>
                      </m:r>
                    </m:oMath>
                  </m:oMathPara>
                </a14:m>
                <a:endParaRPr lang="sv-SE">
                  <a:cs typeface="Arial"/>
                </a:endParaRPr>
              </a:p>
            </p:txBody>
          </p:sp>
        </mc:Choice>
        <mc:Fallback xmlns="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95A14ED7-25B8-2244-7CAD-B492B5A5DAE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65643" y="3271692"/>
                <a:ext cx="6096000" cy="338554"/>
              </a:xfrm>
              <a:prstGeom prst="rect">
                <a:avLst/>
              </a:prstGeom>
              <a:blipFill>
                <a:blip r:embed="rId14"/>
                <a:stretch>
                  <a:fillRect b="-14545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9" name="textruta 38">
            <a:extLst>
              <a:ext uri="{FF2B5EF4-FFF2-40B4-BE49-F238E27FC236}">
                <a16:creationId xmlns:a16="http://schemas.microsoft.com/office/drawing/2014/main" id="{4EC164F4-3E61-C881-D8E2-38DD9FD5D46F}"/>
              </a:ext>
            </a:extLst>
          </p:cNvPr>
          <p:cNvSpPr txBox="1"/>
          <p:nvPr/>
        </p:nvSpPr>
        <p:spPr>
          <a:xfrm>
            <a:off x="1272999" y="1802746"/>
            <a:ext cx="4406391" cy="574516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ctr"/>
            <a:r>
              <a:rPr lang="sv-SE" sz="1800" b="1" u="sng">
                <a:latin typeface="+mn-lt"/>
                <a:ea typeface="ＭＳ Ｐゴシック"/>
                <a:cs typeface="Arial"/>
              </a:rPr>
              <a:t>Experimental battery</a:t>
            </a:r>
            <a:endParaRPr lang="sv-SE" sz="1800" u="sng">
              <a:latin typeface="ＭＳ Ｐゴシック"/>
              <a:ea typeface="ＭＳ Ｐゴシック"/>
            </a:endParaRPr>
          </a:p>
          <a:p>
            <a:pPr algn="l"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</p:txBody>
      </p:sp>
      <p:sp>
        <p:nvSpPr>
          <p:cNvPr id="40" name="textruta 39">
            <a:extLst>
              <a:ext uri="{FF2B5EF4-FFF2-40B4-BE49-F238E27FC236}">
                <a16:creationId xmlns:a16="http://schemas.microsoft.com/office/drawing/2014/main" id="{A06CFEA5-2F20-62A1-D4B9-F260E1B9840F}"/>
              </a:ext>
            </a:extLst>
          </p:cNvPr>
          <p:cNvSpPr txBox="1"/>
          <p:nvPr/>
        </p:nvSpPr>
        <p:spPr>
          <a:xfrm>
            <a:off x="6604557" y="1802746"/>
            <a:ext cx="4419010" cy="574516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ctr"/>
            <a:r>
              <a:rPr lang="sv-SE" sz="1800" b="1" u="sng">
                <a:latin typeface="+mn-lt"/>
                <a:ea typeface="ＭＳ Ｐゴシック"/>
                <a:cs typeface="Arial"/>
              </a:rPr>
              <a:t>Capacity-balanced battery </a:t>
            </a:r>
            <a:endParaRPr lang="sv-SE" sz="1800" b="1" u="sng">
              <a:latin typeface="Arial"/>
              <a:ea typeface="ＭＳ Ｐゴシック"/>
              <a:cs typeface="Arial"/>
            </a:endParaRPr>
          </a:p>
          <a:p>
            <a:pPr algn="l"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B0839F89-76E6-1714-7CC7-142BED91181A}"/>
              </a:ext>
            </a:extLst>
          </p:cNvPr>
          <p:cNvSpPr/>
          <p:nvPr/>
        </p:nvSpPr>
        <p:spPr bwMode="auto">
          <a:xfrm>
            <a:off x="1272999" y="5083932"/>
            <a:ext cx="3965701" cy="1109540"/>
          </a:xfrm>
          <a:prstGeom prst="rect">
            <a:avLst/>
          </a:prstGeom>
          <a:solidFill>
            <a:schemeClr val="accent1">
              <a:alpha val="15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170C7240-7E81-9BE1-661A-0D09B7568B65}"/>
              </a:ext>
            </a:extLst>
          </p:cNvPr>
          <p:cNvCxnSpPr/>
          <p:nvPr/>
        </p:nvCxnSpPr>
        <p:spPr bwMode="auto">
          <a:xfrm>
            <a:off x="6092302" y="1708109"/>
            <a:ext cx="0" cy="4617517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3" name="Rectangle 22">
            <a:extLst>
              <a:ext uri="{FF2B5EF4-FFF2-40B4-BE49-F238E27FC236}">
                <a16:creationId xmlns:a16="http://schemas.microsoft.com/office/drawing/2014/main" id="{7DD12AB1-F7B2-A261-FFDC-ED0AEEF8E248}"/>
              </a:ext>
            </a:extLst>
          </p:cNvPr>
          <p:cNvSpPr/>
          <p:nvPr/>
        </p:nvSpPr>
        <p:spPr bwMode="auto">
          <a:xfrm>
            <a:off x="6640460" y="5081543"/>
            <a:ext cx="3084058" cy="1109540"/>
          </a:xfrm>
          <a:prstGeom prst="rect">
            <a:avLst/>
          </a:prstGeom>
          <a:solidFill>
            <a:schemeClr val="accent1">
              <a:alpha val="15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02FB8A4E-DDEB-B834-7B69-813898699B7B}"/>
              </a:ext>
            </a:extLst>
          </p:cNvPr>
          <p:cNvSpPr/>
          <p:nvPr/>
        </p:nvSpPr>
        <p:spPr bwMode="auto">
          <a:xfrm>
            <a:off x="1272999" y="3059639"/>
            <a:ext cx="3834645" cy="1332730"/>
          </a:xfrm>
          <a:prstGeom prst="rect">
            <a:avLst/>
          </a:prstGeom>
          <a:solidFill>
            <a:schemeClr val="accent1">
              <a:alpha val="15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84627570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TemplateConfiguration><![CDATA[{"elementsMetadata":[{"type":"shape","id":"d83eb329-6f3f-4e84-875b-22890cbe52b3","elementConfiguration":{"binding":"UserProfile.Offices.Workarea_{{DocumentLanguage}}","disableUpdates":false,"type":"text"}},{"type":"shape","id":"1167196c-97e0-471a-8609-9a271d794e0e","elementConfiguration":{"format":"{{DateFormats.GeneralDate}}","binding":"Form.Date","disableUpdates":false,"type":"date"}},{"type":"shape","id":"93183b9a-a0f4-4d9a-800c-5911d85eba2f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6F52B397E11A94F85CC1B699D1FC3F8" ma:contentTypeVersion="2" ma:contentTypeDescription="Opret et nyt dokument." ma:contentTypeScope="" ma:versionID="7d60be6987c95b5b3bfd808361959b3c">
  <xsd:schema xmlns:xsd="http://www.w3.org/2001/XMLSchema" xmlns:xs="http://www.w3.org/2001/XMLSchema" xmlns:p="http://schemas.microsoft.com/office/2006/metadata/properties" xmlns:ns2="e15c759e-c422-4d6a-805a-c156c3256987" targetNamespace="http://schemas.microsoft.com/office/2006/metadata/properties" ma:root="true" ma:fieldsID="b4d92aa5e3dd28c158df2ffbd539cc9a" ns2:_="">
    <xsd:import namespace="e15c759e-c422-4d6a-805a-c156c325698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15c759e-c422-4d6a-805a-c156c325698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MXo2jYcE9jqin+KCP9w91A=="}]}]]></Templafy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CA9FC985-930B-40D4-827F-9FAC5D35EA8C}">
  <ds:schemaRefs/>
</ds:datastoreItem>
</file>

<file path=customXml/itemProps10.xml><?xml version="1.0" encoding="utf-8"?>
<ds:datastoreItem xmlns:ds="http://schemas.openxmlformats.org/officeDocument/2006/customXml" ds:itemID="{9587AFF5-BFB0-40A3-85CA-ADEED7540807}">
  <ds:schemaRefs/>
</ds:datastoreItem>
</file>

<file path=customXml/itemProps11.xml><?xml version="1.0" encoding="utf-8"?>
<ds:datastoreItem xmlns:ds="http://schemas.openxmlformats.org/officeDocument/2006/customXml" ds:itemID="{1680B9DC-2D51-4402-BB2C-B8DE0C5AC522}">
  <ds:schemaRefs/>
</ds:datastoreItem>
</file>

<file path=customXml/itemProps2.xml><?xml version="1.0" encoding="utf-8"?>
<ds:datastoreItem xmlns:ds="http://schemas.openxmlformats.org/officeDocument/2006/customXml" ds:itemID="{620EF16B-048A-4A5D-9C4F-23781A20C9D6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372702E6-9A11-4AF8-8C93-EC6F76916BA3}">
  <ds:schemaRefs>
    <ds:schemaRef ds:uri="e15c759e-c422-4d6a-805a-c156c3256987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5.xml><?xml version="1.0" encoding="utf-8"?>
<ds:datastoreItem xmlns:ds="http://schemas.openxmlformats.org/officeDocument/2006/customXml" ds:itemID="{43763224-B85A-4B53-A86A-261D26A71C30}">
  <ds:schemaRefs/>
</ds:datastoreItem>
</file>

<file path=customXml/itemProps6.xml><?xml version="1.0" encoding="utf-8"?>
<ds:datastoreItem xmlns:ds="http://schemas.openxmlformats.org/officeDocument/2006/customXml" ds:itemID="{5DEE4BEE-00BA-4E32-BD26-AF535B50AC95}">
  <ds:schemaRefs/>
</ds:datastoreItem>
</file>

<file path=customXml/itemProps7.xml><?xml version="1.0" encoding="utf-8"?>
<ds:datastoreItem xmlns:ds="http://schemas.openxmlformats.org/officeDocument/2006/customXml" ds:itemID="{9B5D2B20-8622-411E-9A4A-D4A72E9605AF}">
  <ds:schemaRefs>
    <ds:schemaRef ds:uri="e15c759e-c422-4d6a-805a-c156c3256987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8.xml><?xml version="1.0" encoding="utf-8"?>
<ds:datastoreItem xmlns:ds="http://schemas.openxmlformats.org/officeDocument/2006/customXml" ds:itemID="{D27AE696-61B6-4B19-9CED-6F2A3F244FE3}">
  <ds:schemaRefs/>
</ds:datastoreItem>
</file>

<file path=customXml/itemProps9.xml><?xml version="1.0" encoding="utf-8"?>
<ds:datastoreItem xmlns:ds="http://schemas.openxmlformats.org/officeDocument/2006/customXml" ds:itemID="{6B8AD017-B053-4E30-93B9-B28A44CEC3A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lectropolymerization of Aniline</Template>
  <TotalTime>0</TotalTime>
  <Words>506</Words>
  <Application>Microsoft Office PowerPoint</Application>
  <PresentationFormat>Custom</PresentationFormat>
  <Paragraphs>134</Paragraphs>
  <Slides>11</Slides>
  <Notes>6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1</vt:i4>
      </vt:variant>
    </vt:vector>
  </HeadingPairs>
  <TitlesOfParts>
    <vt:vector size="19" baseType="lpstr">
      <vt:lpstr>ＭＳ Ｐゴシック</vt:lpstr>
      <vt:lpstr>Arial</vt:lpstr>
      <vt:lpstr>Arial,Sans-Serif</vt:lpstr>
      <vt:lpstr>Calibri</vt:lpstr>
      <vt:lpstr>Cambria Math</vt:lpstr>
      <vt:lpstr>NexusSans</vt:lpstr>
      <vt:lpstr>Verdana</vt:lpstr>
      <vt:lpstr>Blank</vt:lpstr>
      <vt:lpstr>Organic Redox (Flow) Battery</vt:lpstr>
      <vt:lpstr>Introduction</vt:lpstr>
      <vt:lpstr>Flow chart</vt:lpstr>
      <vt:lpstr>Experimental setup </vt:lpstr>
      <vt:lpstr>Cyclic Voltammetry </vt:lpstr>
      <vt:lpstr>Charge-Discharge</vt:lpstr>
      <vt:lpstr>Charge-Discharge</vt:lpstr>
      <vt:lpstr>State of Charge</vt:lpstr>
      <vt:lpstr>Volumetric Energy Density</vt:lpstr>
      <vt:lpstr>Conclusions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rganic Redox (Flow) Battery</dc:title>
  <dc:creator>Nikolas Vitaliti</dc:creator>
  <cp:lastModifiedBy>Nikolas Vitaliti</cp:lastModifiedBy>
  <cp:revision>4</cp:revision>
  <dcterms:created xsi:type="dcterms:W3CDTF">2022-12-14T15:05:53Z</dcterms:created>
  <dcterms:modified xsi:type="dcterms:W3CDTF">2023-01-24T09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011863668052109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E6F52B397E11A94F85CC1B699D1FC3F8</vt:lpwstr>
  </property>
</Properties>
</file>